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i20053\Desktop\"/>
    </mc:Choice>
  </mc:AlternateContent>
  <bookViews>
    <workbookView xWindow="0" yWindow="0" windowWidth="25365" windowHeight="11430"/>
  </bookViews>
  <sheets>
    <sheet name="実績報告書" sheetId="1" r:id="rId1"/>
  </sheets>
  <definedNames>
    <definedName name="_xlnm.Print_Area" localSheetId="0">実績報告書!$A$1:$K$119</definedName>
  </definedNames>
  <calcPr calcId="162913"/>
</workbook>
</file>

<file path=xl/sharedStrings.xml><?xml version="1.0" encoding="utf-8"?>
<sst xmlns="http://schemas.openxmlformats.org/spreadsheetml/2006/main" count="109" uniqueCount="105">
  <si>
    <t>(E-mail)</t>
    <phoneticPr fontId="2"/>
  </si>
  <si>
    <t>事業所において取り組んだ健康づくり活動について、下記のとおり報告します。</t>
    <rPh sb="0" eb="3">
      <t>ジギョウショ</t>
    </rPh>
    <rPh sb="7" eb="8">
      <t>ト</t>
    </rPh>
    <rPh sb="9" eb="10">
      <t>ク</t>
    </rPh>
    <rPh sb="12" eb="14">
      <t>ケンコウ</t>
    </rPh>
    <rPh sb="17" eb="19">
      <t>カツドウ</t>
    </rPh>
    <rPh sb="24" eb="26">
      <t>カキ</t>
    </rPh>
    <rPh sb="30" eb="32">
      <t>ホウコク</t>
    </rPh>
    <phoneticPr fontId="2"/>
  </si>
  <si>
    <t>記</t>
    <rPh sb="0" eb="1">
      <t>シル</t>
    </rPh>
    <phoneticPr fontId="2"/>
  </si>
  <si>
    <t>【事業所概要】</t>
    <rPh sb="1" eb="4">
      <t>ジギョウショ</t>
    </rPh>
    <rPh sb="4" eb="6">
      <t>ガイヨウ</t>
    </rPh>
    <phoneticPr fontId="2"/>
  </si>
  <si>
    <t>業種</t>
    <rPh sb="0" eb="2">
      <t>ギョウシュ</t>
    </rPh>
    <phoneticPr fontId="2"/>
  </si>
  <si>
    <t>人</t>
    <rPh sb="0" eb="1">
      <t>ニン</t>
    </rPh>
    <phoneticPr fontId="2"/>
  </si>
  <si>
    <t>①子宮頸がん</t>
    <rPh sb="1" eb="3">
      <t>シキュウ</t>
    </rPh>
    <rPh sb="3" eb="4">
      <t>クビ</t>
    </rPh>
    <phoneticPr fontId="2"/>
  </si>
  <si>
    <t>②乳がん</t>
    <rPh sb="1" eb="2">
      <t>ニュウ</t>
    </rPh>
    <phoneticPr fontId="2"/>
  </si>
  <si>
    <t>　</t>
    <phoneticPr fontId="2"/>
  </si>
  <si>
    <t>③胃がん</t>
    <rPh sb="1" eb="2">
      <t>イ</t>
    </rPh>
    <phoneticPr fontId="2"/>
  </si>
  <si>
    <t>従業員数</t>
    <rPh sb="0" eb="3">
      <t>ジュウギョウイン</t>
    </rPh>
    <phoneticPr fontId="2"/>
  </si>
  <si>
    <t>(福祉保健部健康づくり支援課)</t>
    <rPh sb="1" eb="3">
      <t>フクシ</t>
    </rPh>
    <rPh sb="3" eb="6">
      <t>ホケンブ</t>
    </rPh>
    <rPh sb="6" eb="8">
      <t>ケンコウ</t>
    </rPh>
    <rPh sb="11" eb="13">
      <t>シエン</t>
    </rPh>
    <rPh sb="13" eb="14">
      <t>カ</t>
    </rPh>
    <phoneticPr fontId="2"/>
  </si>
  <si>
    <t>回答欄</t>
    <rPh sb="0" eb="3">
      <t>カイトウラン</t>
    </rPh>
    <phoneticPr fontId="2"/>
  </si>
  <si>
    <t>(担当者名)　　　　　　　　　　　　　　　　　　　　　　　</t>
    <rPh sb="1" eb="3">
      <t>タントウ</t>
    </rPh>
    <rPh sb="3" eb="4">
      <t>シャ</t>
    </rPh>
    <rPh sb="4" eb="5">
      <t>メイ</t>
    </rPh>
    <phoneticPr fontId="2"/>
  </si>
  <si>
    <t>事業所名称</t>
    <rPh sb="0" eb="2">
      <t>ジギョウ</t>
    </rPh>
    <rPh sb="3" eb="5">
      <t>メイショウ</t>
    </rPh>
    <phoneticPr fontId="2"/>
  </si>
  <si>
    <t>代表者氏名</t>
    <rPh sb="0" eb="3">
      <t>ダイヒョウシャ</t>
    </rPh>
    <rPh sb="3" eb="5">
      <t>シメイ</t>
    </rPh>
    <phoneticPr fontId="2"/>
  </si>
  <si>
    <t>連絡先</t>
    <rPh sb="0" eb="3">
      <t>レンラクサキ</t>
    </rPh>
    <phoneticPr fontId="2"/>
  </si>
  <si>
    <t>大　分　県　知　事　殿</t>
    <rPh sb="0" eb="1">
      <t>ダイ</t>
    </rPh>
    <rPh sb="2" eb="3">
      <t>ブン</t>
    </rPh>
    <rPh sb="4" eb="5">
      <t>ケン</t>
    </rPh>
    <rPh sb="6" eb="7">
      <t>チ</t>
    </rPh>
    <rPh sb="8" eb="9">
      <t>コト</t>
    </rPh>
    <rPh sb="10" eb="11">
      <t>トノ</t>
    </rPh>
    <phoneticPr fontId="2"/>
  </si>
  <si>
    <t>　（※社内での周知、健康リスクの把握の例については、別紙｢Q＆A｣を参照してください。）</t>
    <rPh sb="7" eb="9">
      <t>シュウチ</t>
    </rPh>
    <rPh sb="10" eb="12">
      <t>ケンコウ</t>
    </rPh>
    <rPh sb="16" eb="18">
      <t>ハアク</t>
    </rPh>
    <rPh sb="19" eb="20">
      <t>レイ</t>
    </rPh>
    <rPh sb="26" eb="28">
      <t>ベッシ</t>
    </rPh>
    <rPh sb="34" eb="36">
      <t>サンショウ</t>
    </rPh>
    <phoneticPr fontId="2"/>
  </si>
  <si>
    <r>
      <t>＊健康情報の周知の仕方について、該当する項目</t>
    </r>
    <r>
      <rPr>
        <b/>
        <u/>
        <sz val="12"/>
        <color theme="1"/>
        <rFont val="ＭＳ 明朝"/>
        <family val="1"/>
        <charset val="128"/>
      </rPr>
      <t>全てに◯</t>
    </r>
    <r>
      <rPr>
        <sz val="12"/>
        <color theme="1"/>
        <rFont val="ＭＳ 明朝"/>
        <family val="1"/>
        <charset val="128"/>
      </rPr>
      <t>を記入してください。</t>
    </r>
    <rPh sb="1" eb="3">
      <t>ケンコウ</t>
    </rPh>
    <rPh sb="3" eb="5">
      <t>ジョウホウ</t>
    </rPh>
    <rPh sb="6" eb="8">
      <t>シュウチ</t>
    </rPh>
    <rPh sb="9" eb="11">
      <t>シカタ</t>
    </rPh>
    <rPh sb="16" eb="18">
      <t>ガイトウ</t>
    </rPh>
    <rPh sb="20" eb="22">
      <t>コウモク</t>
    </rPh>
    <rPh sb="22" eb="23">
      <t>スベ</t>
    </rPh>
    <rPh sb="27" eb="29">
      <t>キニュウ</t>
    </rPh>
    <phoneticPr fontId="2"/>
  </si>
  <si>
    <t>―　次頁へつづく　―</t>
    <rPh sb="2" eb="3">
      <t>ツギ</t>
    </rPh>
    <rPh sb="3" eb="4">
      <t>ページ</t>
    </rPh>
    <phoneticPr fontId="2"/>
  </si>
  <si>
    <t>(Tel）</t>
  </si>
  <si>
    <t>　① 従業員が定期健康診断を100％受けている。</t>
    <rPh sb="3" eb="6">
      <t>ジュウギョウイン</t>
    </rPh>
    <rPh sb="7" eb="9">
      <t>テイキ</t>
    </rPh>
    <rPh sb="9" eb="11">
      <t>ケンコウ</t>
    </rPh>
    <rPh sb="11" eb="13">
      <t>シンダン</t>
    </rPh>
    <rPh sb="18" eb="19">
      <t>ウ</t>
    </rPh>
    <phoneticPr fontId="2"/>
  </si>
  <si>
    <t>　② 従業員の定期健康診断結果を100％把握している。</t>
    <rPh sb="3" eb="6">
      <t>ジュウギョウイン</t>
    </rPh>
    <rPh sb="7" eb="9">
      <t>テイキ</t>
    </rPh>
    <rPh sb="9" eb="11">
      <t>ケンコウ</t>
    </rPh>
    <rPh sb="11" eb="13">
      <t>シンダン</t>
    </rPh>
    <rPh sb="13" eb="15">
      <t>ケッカ</t>
    </rPh>
    <rPh sb="20" eb="22">
      <t>ハアク</t>
    </rPh>
    <phoneticPr fontId="2"/>
  </si>
  <si>
    <t>1) 有所見者については、医師からの意見聴取を行っている。</t>
    <rPh sb="3" eb="4">
      <t>ユウ</t>
    </rPh>
    <rPh sb="4" eb="6">
      <t>ショケン</t>
    </rPh>
    <rPh sb="6" eb="7">
      <t>シャ</t>
    </rPh>
    <rPh sb="13" eb="15">
      <t>イシ</t>
    </rPh>
    <rPh sb="18" eb="20">
      <t>イケン</t>
    </rPh>
    <rPh sb="20" eb="22">
      <t>チョウシュ</t>
    </rPh>
    <rPh sb="23" eb="24">
      <t>オコナ</t>
    </rPh>
    <phoneticPr fontId="2"/>
  </si>
  <si>
    <t>3) 要精密や要治療の人が、医療機関へ受診したか、受診の有無を確認している。</t>
    <rPh sb="3" eb="4">
      <t>ヨウ</t>
    </rPh>
    <rPh sb="4" eb="6">
      <t>セイミツ</t>
    </rPh>
    <rPh sb="7" eb="8">
      <t>ヨウ</t>
    </rPh>
    <rPh sb="8" eb="10">
      <t>チリョウ</t>
    </rPh>
    <rPh sb="11" eb="12">
      <t>ヒト</t>
    </rPh>
    <rPh sb="14" eb="16">
      <t>イリョウ</t>
    </rPh>
    <rPh sb="16" eb="18">
      <t>キカン</t>
    </rPh>
    <rPh sb="19" eb="21">
      <t>ジュシン</t>
    </rPh>
    <rPh sb="25" eb="27">
      <t>ジュシン</t>
    </rPh>
    <rPh sb="28" eb="30">
      <t>ウム</t>
    </rPh>
    <rPh sb="31" eb="33">
      <t>カクニン</t>
    </rPh>
    <phoneticPr fontId="2"/>
  </si>
  <si>
    <t>4) その他（上記以外の取組をしている場合は、記入してください）
　　　　　　　　　　　　　　　　　　　</t>
    <rPh sb="5" eb="6">
      <t>ホカ</t>
    </rPh>
    <rPh sb="7" eb="9">
      <t>ジョウキ</t>
    </rPh>
    <rPh sb="9" eb="11">
      <t>イガイ</t>
    </rPh>
    <rPh sb="12" eb="14">
      <t>トリクミ</t>
    </rPh>
    <rPh sb="19" eb="21">
      <t>バアイ</t>
    </rPh>
    <rPh sb="23" eb="25">
      <t>キニュウ</t>
    </rPh>
    <phoneticPr fontId="2"/>
  </si>
  <si>
    <t>　① 従業員の健康を推進していくことを、社内で周知している。</t>
    <rPh sb="20" eb="22">
      <t>シャナイ</t>
    </rPh>
    <rPh sb="23" eb="25">
      <t>シュウチ</t>
    </rPh>
    <phoneticPr fontId="2"/>
  </si>
  <si>
    <t>　② 従業員の健診結果等から社内の健康リスクの把握を行っている。</t>
    <rPh sb="7" eb="9">
      <t>ケンシン</t>
    </rPh>
    <phoneticPr fontId="2"/>
  </si>
  <si>
    <t>　③ 上記の健康リスクについて、社内で共有を行っている。</t>
    <phoneticPr fontId="2"/>
  </si>
  <si>
    <t>健康経営登録番号</t>
    <rPh sb="0" eb="2">
      <t>ケンコウ</t>
    </rPh>
    <rPh sb="2" eb="4">
      <t>ケイエイ</t>
    </rPh>
    <rPh sb="4" eb="6">
      <t>トウロク</t>
    </rPh>
    <rPh sb="6" eb="8">
      <t>バンゴウ</t>
    </rPh>
    <phoneticPr fontId="2"/>
  </si>
  <si>
    <t>〒</t>
    <phoneticPr fontId="2"/>
  </si>
  <si>
    <t>所在地</t>
    <rPh sb="0" eb="3">
      <t>ショザイチ</t>
    </rPh>
    <phoneticPr fontId="2"/>
  </si>
  <si>
    <t>1）社内メールや掲示・回覧等により従業員へ周知している。</t>
    <rPh sb="2" eb="4">
      <t>シャナイ</t>
    </rPh>
    <rPh sb="8" eb="10">
      <t>ケイジ</t>
    </rPh>
    <rPh sb="11" eb="13">
      <t>カイラン</t>
    </rPh>
    <rPh sb="13" eb="14">
      <t>トウ</t>
    </rPh>
    <rPh sb="17" eb="20">
      <t>ジュウギョウイン</t>
    </rPh>
    <rPh sb="21" eb="23">
      <t>シュウチ</t>
    </rPh>
    <phoneticPr fontId="2"/>
  </si>
  <si>
    <t>2）従業員が集まる機会（朝礼や会議等）に声かけにより、情報を周知している。</t>
    <rPh sb="2" eb="5">
      <t>ジュウギョウイン</t>
    </rPh>
    <rPh sb="6" eb="7">
      <t>アツ</t>
    </rPh>
    <rPh sb="9" eb="11">
      <t>キカイ</t>
    </rPh>
    <rPh sb="12" eb="14">
      <t>チョウレイ</t>
    </rPh>
    <rPh sb="15" eb="17">
      <t>カイギ</t>
    </rPh>
    <rPh sb="17" eb="18">
      <t>トウ</t>
    </rPh>
    <rPh sb="20" eb="21">
      <t>コエ</t>
    </rPh>
    <rPh sb="27" eb="29">
      <t>ジョウホウ</t>
    </rPh>
    <rPh sb="30" eb="32">
      <t>シュウチ</t>
    </rPh>
    <phoneticPr fontId="2"/>
  </si>
  <si>
    <t>3）その他（上記以外の取組をしている場合は、記入してください）
　　　　　　　　　　　　　　　　　　　</t>
    <rPh sb="4" eb="5">
      <t>ホカ</t>
    </rPh>
    <rPh sb="6" eb="8">
      <t>ジョウキ</t>
    </rPh>
    <rPh sb="8" eb="10">
      <t>イガイ</t>
    </rPh>
    <rPh sb="11" eb="13">
      <t>トリクミ</t>
    </rPh>
    <rPh sb="18" eb="20">
      <t>バアイ</t>
    </rPh>
    <rPh sb="22" eb="24">
      <t>キニュウ</t>
    </rPh>
    <phoneticPr fontId="2"/>
  </si>
  <si>
    <r>
      <t>＊有所見者（「異常なし」とされた従業員以外）の対応で、該当する項目</t>
    </r>
    <r>
      <rPr>
        <b/>
        <u/>
        <sz val="11"/>
        <color theme="1"/>
        <rFont val="ＭＳ 明朝"/>
        <family val="1"/>
        <charset val="128"/>
      </rPr>
      <t>全てに◯</t>
    </r>
    <r>
      <rPr>
        <sz val="11"/>
        <color theme="1"/>
        <rFont val="ＭＳ 明朝"/>
        <family val="1"/>
        <charset val="128"/>
      </rPr>
      <t>を記入してください。</t>
    </r>
    <rPh sb="1" eb="2">
      <t>ユウ</t>
    </rPh>
    <rPh sb="2" eb="4">
      <t>ショケン</t>
    </rPh>
    <rPh sb="4" eb="5">
      <t>シャ</t>
    </rPh>
    <rPh sb="7" eb="9">
      <t>イジョウ</t>
    </rPh>
    <rPh sb="16" eb="19">
      <t>ジュウギョウイン</t>
    </rPh>
    <rPh sb="19" eb="21">
      <t>イガイ</t>
    </rPh>
    <rPh sb="23" eb="25">
      <t>タイオウ</t>
    </rPh>
    <rPh sb="27" eb="29">
      <t>ガイトウ</t>
    </rPh>
    <rPh sb="31" eb="33">
      <t>コウモク</t>
    </rPh>
    <rPh sb="33" eb="34">
      <t>スベ</t>
    </rPh>
    <rPh sb="38" eb="40">
      <t>キニュウ</t>
    </rPh>
    <phoneticPr fontId="2"/>
  </si>
  <si>
    <t>回答欄</t>
    <rPh sb="0" eb="3">
      <t>カイトウラン</t>
    </rPh>
    <phoneticPr fontId="2"/>
  </si>
  <si>
    <t>【健康経営活動状況】</t>
    <rPh sb="1" eb="3">
      <t>ケンコウ</t>
    </rPh>
    <rPh sb="3" eb="5">
      <t>ケイエイ</t>
    </rPh>
    <rPh sb="5" eb="7">
      <t>カツドウ</t>
    </rPh>
    <rPh sb="7" eb="9">
      <t>ジョウキョウ</t>
    </rPh>
    <phoneticPr fontId="2"/>
  </si>
  <si>
    <t>※「従業員」とは、雇われて働く者全てをいいます。</t>
    <phoneticPr fontId="2"/>
  </si>
  <si>
    <r>
      <t>※「業種」は、</t>
    </r>
    <r>
      <rPr>
        <u/>
        <sz val="11"/>
        <color theme="1"/>
        <rFont val="ＭＳ Ｐゴシック"/>
        <family val="3"/>
        <charset val="128"/>
        <scheme val="minor"/>
      </rPr>
      <t>別紙「Q&amp;A」記載の記号</t>
    </r>
    <r>
      <rPr>
        <sz val="11"/>
        <color theme="1"/>
        <rFont val="ＭＳ Ｐゴシック"/>
        <family val="3"/>
        <charset val="128"/>
        <scheme val="minor"/>
      </rPr>
      <t>を選択してください。</t>
    </r>
    <rPh sb="2" eb="4">
      <t>ギョウシュ</t>
    </rPh>
    <rPh sb="7" eb="9">
      <t>ベッシ</t>
    </rPh>
    <rPh sb="14" eb="16">
      <t>キサイ</t>
    </rPh>
    <rPh sb="17" eb="19">
      <t>キゴウ</t>
    </rPh>
    <rPh sb="20" eb="22">
      <t>センタク</t>
    </rPh>
    <phoneticPr fontId="2"/>
  </si>
  <si>
    <t>(6) その他の取組について</t>
    <rPh sb="6" eb="7">
      <t>ホカ</t>
    </rPh>
    <rPh sb="8" eb="10">
      <t>トリクミ</t>
    </rPh>
    <phoneticPr fontId="2"/>
  </si>
  <si>
    <t>(認定項目1)  従業員への健診受診勧奨及び有所見者への対応</t>
    <rPh sb="1" eb="3">
      <t>ニンテイ</t>
    </rPh>
    <rPh sb="3" eb="5">
      <t>コウモク</t>
    </rPh>
    <phoneticPr fontId="2"/>
  </si>
  <si>
    <t>(認定項目2) 事業主による主導的な健康づくりの取組</t>
    <rPh sb="1" eb="3">
      <t>ニンテイ</t>
    </rPh>
    <rPh sb="3" eb="5">
      <t>コウモク</t>
    </rPh>
    <rPh sb="24" eb="25">
      <t>ト</t>
    </rPh>
    <rPh sb="25" eb="26">
      <t>ク</t>
    </rPh>
    <phoneticPr fontId="2"/>
  </si>
  <si>
    <t>(認定項目3) 受動喫煙防止対策</t>
    <rPh sb="1" eb="3">
      <t>ニンテイ</t>
    </rPh>
    <rPh sb="3" eb="5">
      <t>コウモク</t>
    </rPh>
    <phoneticPr fontId="2"/>
  </si>
  <si>
    <t>1）会社で費用の補助を行っている。</t>
    <rPh sb="2" eb="4">
      <t>カイシャ</t>
    </rPh>
    <rPh sb="5" eb="7">
      <t>ヒヨウ</t>
    </rPh>
    <rPh sb="8" eb="10">
      <t>ホジョ</t>
    </rPh>
    <rPh sb="11" eb="12">
      <t>オコナ</t>
    </rPh>
    <phoneticPr fontId="2"/>
  </si>
  <si>
    <t>2）受診は、職務（有給休暇ではなく仕事として）扱いとしている。</t>
    <rPh sb="2" eb="4">
      <t>ジュシン</t>
    </rPh>
    <rPh sb="6" eb="8">
      <t>ショクム</t>
    </rPh>
    <rPh sb="9" eb="11">
      <t>ユウキュウ</t>
    </rPh>
    <rPh sb="11" eb="13">
      <t>キュウカ</t>
    </rPh>
    <rPh sb="17" eb="19">
      <t>シゴト</t>
    </rPh>
    <rPh sb="23" eb="24">
      <t>アツカ</t>
    </rPh>
    <phoneticPr fontId="2"/>
  </si>
  <si>
    <t xml:space="preserve">3）その他（上記以外の取組をしている場合は、記入してください）
</t>
    <rPh sb="4" eb="5">
      <t>ホカ</t>
    </rPh>
    <rPh sb="6" eb="8">
      <t>ジョウキ</t>
    </rPh>
    <rPh sb="8" eb="10">
      <t>イガイ</t>
    </rPh>
    <rPh sb="11" eb="13">
      <t>トリクミ</t>
    </rPh>
    <rPh sb="18" eb="20">
      <t>バアイ</t>
    </rPh>
    <rPh sb="22" eb="24">
      <t>キニュウ</t>
    </rPh>
    <phoneticPr fontId="2"/>
  </si>
  <si>
    <t>(認定項目4) 健康情報の定期提供（月1回以上）</t>
    <rPh sb="1" eb="3">
      <t>ニンテイ</t>
    </rPh>
    <rPh sb="3" eb="5">
      <t>コウモク</t>
    </rPh>
    <rPh sb="18" eb="19">
      <t>ツキ</t>
    </rPh>
    <rPh sb="20" eb="21">
      <t>カイ</t>
    </rPh>
    <rPh sb="21" eb="23">
      <t>イジョウ</t>
    </rPh>
    <phoneticPr fontId="2"/>
  </si>
  <si>
    <t>(認定項目5) 事業所ぐるみの健康増進の取組</t>
    <rPh sb="1" eb="3">
      <t>ニンテイ</t>
    </rPh>
    <rPh sb="3" eb="5">
      <t>コウモク</t>
    </rPh>
    <rPh sb="20" eb="21">
      <t>ト</t>
    </rPh>
    <rPh sb="21" eb="22">
      <t>ク</t>
    </rPh>
    <phoneticPr fontId="2"/>
  </si>
  <si>
    <t>―　裏面へつづく　―</t>
    <rPh sb="2" eb="4">
      <t>ウラメン</t>
    </rPh>
    <phoneticPr fontId="2"/>
  </si>
  <si>
    <t>4）その他（上記以外の取組をしている場合は記入してください）</t>
    <rPh sb="4" eb="5">
      <t>タ</t>
    </rPh>
    <rPh sb="6" eb="8">
      <t>ジョウキ</t>
    </rPh>
    <rPh sb="8" eb="10">
      <t>イガイ</t>
    </rPh>
    <rPh sb="11" eb="13">
      <t>トリクミ</t>
    </rPh>
    <rPh sb="18" eb="20">
      <t>バアイ</t>
    </rPh>
    <rPh sb="21" eb="23">
      <t>キニュウ</t>
    </rPh>
    <phoneticPr fontId="2"/>
  </si>
  <si>
    <r>
      <t>＊事業所をあげた健康づくりについて、該当する項目</t>
    </r>
    <r>
      <rPr>
        <b/>
        <u/>
        <sz val="12"/>
        <color theme="1"/>
        <rFont val="ＭＳ 明朝"/>
        <family val="1"/>
        <charset val="128"/>
      </rPr>
      <t>全てに◯</t>
    </r>
    <r>
      <rPr>
        <sz val="12"/>
        <color theme="1"/>
        <rFont val="ＭＳ 明朝"/>
        <family val="1"/>
        <charset val="128"/>
      </rPr>
      <t>を記入してください。</t>
    </r>
    <rPh sb="1" eb="4">
      <t>ジギョウショ</t>
    </rPh>
    <rPh sb="8" eb="10">
      <t>ケンコウ</t>
    </rPh>
    <rPh sb="18" eb="20">
      <t>ガイトウ</t>
    </rPh>
    <rPh sb="22" eb="24">
      <t>コウモク</t>
    </rPh>
    <rPh sb="24" eb="25">
      <t>スベ</t>
    </rPh>
    <rPh sb="29" eb="31">
      <t>キニュウ</t>
    </rPh>
    <phoneticPr fontId="2"/>
  </si>
  <si>
    <r>
      <t>＊健康イベント等への参加について、該当する項目</t>
    </r>
    <r>
      <rPr>
        <b/>
        <u/>
        <sz val="12"/>
        <color theme="1"/>
        <rFont val="ＭＳ 明朝"/>
        <family val="1"/>
        <charset val="128"/>
      </rPr>
      <t>全てに◯</t>
    </r>
    <r>
      <rPr>
        <sz val="12"/>
        <color theme="1"/>
        <rFont val="ＭＳ 明朝"/>
        <family val="1"/>
        <charset val="128"/>
      </rPr>
      <t>を記入してください。</t>
    </r>
    <rPh sb="1" eb="3">
      <t>ケンコウ</t>
    </rPh>
    <rPh sb="7" eb="8">
      <t>ナド</t>
    </rPh>
    <rPh sb="10" eb="12">
      <t>サンカ</t>
    </rPh>
    <rPh sb="17" eb="19">
      <t>ガイトウ</t>
    </rPh>
    <rPh sb="21" eb="23">
      <t>コウモク</t>
    </rPh>
    <rPh sb="23" eb="24">
      <t>スベ</t>
    </rPh>
    <rPh sb="28" eb="30">
      <t>キニュウ</t>
    </rPh>
    <phoneticPr fontId="2"/>
  </si>
  <si>
    <t>5）その他（上記以外の取組をしている場合は、記入してください）　</t>
    <rPh sb="4" eb="5">
      <t>ホカ</t>
    </rPh>
    <rPh sb="6" eb="8">
      <t>ジョウキ</t>
    </rPh>
    <rPh sb="8" eb="10">
      <t>イガイ</t>
    </rPh>
    <rPh sb="11" eb="13">
      <t>トリクミ</t>
    </rPh>
    <rPh sb="18" eb="20">
      <t>バアイ</t>
    </rPh>
    <rPh sb="22" eb="24">
      <t>キニュウ</t>
    </rPh>
    <phoneticPr fontId="2"/>
  </si>
  <si>
    <t>4）その他（上記以外の取組をしている場合は、記入してください）</t>
    <rPh sb="4" eb="5">
      <t>ホカ</t>
    </rPh>
    <phoneticPr fontId="2"/>
  </si>
  <si>
    <t>１とても多い　　２やや多い　　３やや少ない　４少ない</t>
    <rPh sb="4" eb="5">
      <t>オオ</t>
    </rPh>
    <rPh sb="11" eb="12">
      <t>オオ</t>
    </rPh>
    <rPh sb="18" eb="19">
      <t>スク</t>
    </rPh>
    <rPh sb="23" eb="24">
      <t>スク</t>
    </rPh>
    <phoneticPr fontId="2"/>
  </si>
  <si>
    <t>１とてもそうだ　２ややそうだ　３ややちがう　４ちがう</t>
    <phoneticPr fontId="2"/>
  </si>
  <si>
    <t>　① 大分県（保健所）からの健康情報を、従業員へ周知している。</t>
    <phoneticPr fontId="2"/>
  </si>
  <si>
    <t>　② 上記以外の健康情報を従業員へ周知している。</t>
    <phoneticPr fontId="2"/>
  </si>
  <si>
    <t>② インフルエンザ予防接種の費用補助を行っている。</t>
    <rPh sb="9" eb="11">
      <t>ヨボウ</t>
    </rPh>
    <rPh sb="11" eb="13">
      <t>セッシュ</t>
    </rPh>
    <rPh sb="14" eb="16">
      <t>ヒヨウ</t>
    </rPh>
    <rPh sb="16" eb="18">
      <t>ホジョ</t>
    </rPh>
    <rPh sb="19" eb="20">
      <t>オコナ</t>
    </rPh>
    <phoneticPr fontId="2"/>
  </si>
  <si>
    <t>③ 定期的な歯科健診の受診勧奨や歯科健診の費用補助を行っている。</t>
    <rPh sb="2" eb="5">
      <t>テイキテキ</t>
    </rPh>
    <rPh sb="6" eb="8">
      <t>シカ</t>
    </rPh>
    <rPh sb="8" eb="10">
      <t>ケンシン</t>
    </rPh>
    <rPh sb="11" eb="13">
      <t>ジュシン</t>
    </rPh>
    <rPh sb="13" eb="15">
      <t>カンショウ</t>
    </rPh>
    <rPh sb="16" eb="18">
      <t>シカ</t>
    </rPh>
    <rPh sb="18" eb="20">
      <t>ケンシン</t>
    </rPh>
    <rPh sb="21" eb="23">
      <t>ヒヨウ</t>
    </rPh>
    <rPh sb="23" eb="25">
      <t>ホジョ</t>
    </rPh>
    <rPh sb="26" eb="27">
      <t>オコナ</t>
    </rPh>
    <phoneticPr fontId="2"/>
  </si>
  <si>
    <t>１とても活気がある　２やや活気がある　３やや活気がない　４活気がない</t>
    <rPh sb="4" eb="6">
      <t>カッキ</t>
    </rPh>
    <rPh sb="13" eb="15">
      <t>カッキ</t>
    </rPh>
    <rPh sb="22" eb="24">
      <t>カッキ</t>
    </rPh>
    <rPh sb="29" eb="31">
      <t>カッキ</t>
    </rPh>
    <phoneticPr fontId="2"/>
  </si>
  <si>
    <t>人</t>
    <rPh sb="0" eb="1">
      <t>ニン</t>
    </rPh>
    <phoneticPr fontId="2"/>
  </si>
  <si>
    <t>1) 禁煙支援のための金銭的補助の制度を設けている。</t>
    <phoneticPr fontId="2"/>
  </si>
  <si>
    <t>3) 就業時間のなかで、喫煙時間を決めている。</t>
    <rPh sb="3" eb="5">
      <t>シュウギョウ</t>
    </rPh>
    <rPh sb="5" eb="7">
      <t>ジカン</t>
    </rPh>
    <phoneticPr fontId="2"/>
  </si>
  <si>
    <t>1）職場でラジオ体操、ストレッチなどを実施している。</t>
    <rPh sb="2" eb="4">
      <t>ショクバ</t>
    </rPh>
    <rPh sb="8" eb="10">
      <t>タイソウ</t>
    </rPh>
    <rPh sb="19" eb="21">
      <t>ジッシ</t>
    </rPh>
    <phoneticPr fontId="2"/>
  </si>
  <si>
    <t>2）健康アプリ｢おおいた歩得｣を用いた｢職場対抗戦｣に参加している。</t>
    <rPh sb="2" eb="4">
      <t>ケンコウ</t>
    </rPh>
    <rPh sb="12" eb="13">
      <t>アル</t>
    </rPh>
    <rPh sb="13" eb="14">
      <t>トク</t>
    </rPh>
    <rPh sb="16" eb="17">
      <t>モチ</t>
    </rPh>
    <rPh sb="20" eb="22">
      <t>ショクバ</t>
    </rPh>
    <rPh sb="22" eb="25">
      <t>タイコウセン</t>
    </rPh>
    <rPh sb="27" eb="29">
      <t>サンカ</t>
    </rPh>
    <phoneticPr fontId="2"/>
  </si>
  <si>
    <t>3）健康講話を年1回以上開催している。</t>
    <rPh sb="2" eb="4">
      <t>ケンコウ</t>
    </rPh>
    <rPh sb="4" eb="6">
      <t>コウワ</t>
    </rPh>
    <rPh sb="7" eb="8">
      <t>ネン</t>
    </rPh>
    <rPh sb="9" eb="10">
      <t>カイ</t>
    </rPh>
    <rPh sb="10" eb="12">
      <t>イジョウ</t>
    </rPh>
    <rPh sb="12" eb="14">
      <t>カイサイ</t>
    </rPh>
    <phoneticPr fontId="2"/>
  </si>
  <si>
    <t>1）市町村が主催する健康講座、イベントを受講している。</t>
    <rPh sb="2" eb="5">
      <t>シチョウソン</t>
    </rPh>
    <rPh sb="6" eb="8">
      <t>シュサイ</t>
    </rPh>
    <rPh sb="10" eb="12">
      <t>ケンコウ</t>
    </rPh>
    <rPh sb="12" eb="14">
      <t>コウザ</t>
    </rPh>
    <rPh sb="20" eb="22">
      <t>ジュコウ</t>
    </rPh>
    <phoneticPr fontId="2"/>
  </si>
  <si>
    <t>2）その他の団体（ｳｫｰｷﾝｸﾞ協会等）の健康関連ｲﾍﾞﾝﾄに参加している。</t>
    <rPh sb="4" eb="5">
      <t>ホカ</t>
    </rPh>
    <rPh sb="6" eb="8">
      <t>ダンタイ</t>
    </rPh>
    <rPh sb="16" eb="18">
      <t>キョウカイ</t>
    </rPh>
    <rPh sb="18" eb="19">
      <t>ナド</t>
    </rPh>
    <rPh sb="21" eb="23">
      <t>ケンコウ</t>
    </rPh>
    <rPh sb="23" eb="25">
      <t>カンレン</t>
    </rPh>
    <rPh sb="31" eb="33">
      <t>サンカ</t>
    </rPh>
    <phoneticPr fontId="2"/>
  </si>
  <si>
    <t>3）健康アプリ｢おおいた歩得｣のﾐｯｼｮﾝを活用したｲﾍﾞﾝﾄに参加している。</t>
    <rPh sb="2" eb="4">
      <t>ケンコウ</t>
    </rPh>
    <rPh sb="12" eb="13">
      <t>アル</t>
    </rPh>
    <rPh sb="13" eb="14">
      <t>トク</t>
    </rPh>
    <rPh sb="22" eb="24">
      <t>カツヨウ</t>
    </rPh>
    <rPh sb="32" eb="34">
      <t>サンカ</t>
    </rPh>
    <phoneticPr fontId="2"/>
  </si>
  <si>
    <t>4）運動施設（スポーツジム等）の法人契約をして利用を促している。</t>
    <rPh sb="2" eb="4">
      <t>ウンドウ</t>
    </rPh>
    <rPh sb="4" eb="6">
      <t>シセツ</t>
    </rPh>
    <rPh sb="13" eb="14">
      <t>ナド</t>
    </rPh>
    <rPh sb="16" eb="18">
      <t>ホウジン</t>
    </rPh>
    <rPh sb="18" eb="20">
      <t>ケイヤク</t>
    </rPh>
    <rPh sb="23" eb="25">
      <t>リヨウ</t>
    </rPh>
    <rPh sb="26" eb="27">
      <t>ウナガ</t>
    </rPh>
    <phoneticPr fontId="2"/>
  </si>
  <si>
    <t>1）事業所内の自販機メニューを糖分の少ないものなどに見直した。</t>
    <rPh sb="2" eb="5">
      <t>ジギョウショ</t>
    </rPh>
    <rPh sb="5" eb="6">
      <t>ナイ</t>
    </rPh>
    <rPh sb="7" eb="10">
      <t>ジハンキ</t>
    </rPh>
    <rPh sb="15" eb="17">
      <t>トウブン</t>
    </rPh>
    <rPh sb="18" eb="19">
      <t>スク</t>
    </rPh>
    <rPh sb="26" eb="28">
      <t>ミナオ</t>
    </rPh>
    <phoneticPr fontId="2"/>
  </si>
  <si>
    <t>　 下記に記入してください。</t>
    <rPh sb="2" eb="4">
      <t>カキ</t>
    </rPh>
    <phoneticPr fontId="2"/>
  </si>
  <si>
    <t>　④ 事業所における「喫煙者」の人数を把握している。</t>
    <rPh sb="3" eb="6">
      <t>ジギョウショ</t>
    </rPh>
    <rPh sb="11" eb="14">
      <t>キツエンシャ</t>
    </rPh>
    <rPh sb="16" eb="17">
      <t>ニン</t>
    </rPh>
    <rPh sb="17" eb="18">
      <t>カズ</t>
    </rPh>
    <rPh sb="19" eb="21">
      <t>ハアク</t>
    </rPh>
    <phoneticPr fontId="2"/>
  </si>
  <si>
    <r>
      <t xml:space="preserve">⑤その他
</t>
    </r>
    <r>
      <rPr>
        <b/>
        <u/>
        <sz val="11"/>
        <color theme="1"/>
        <rFont val="ＭＳ 明朝"/>
        <family val="1"/>
        <charset val="128"/>
      </rPr>
      <t>（　　　　　　　　　）</t>
    </r>
    <phoneticPr fontId="2"/>
  </si>
  <si>
    <t>④大腸がん</t>
    <phoneticPr fontId="2"/>
  </si>
  <si>
    <t>4）血圧計、体重計など従業員が自由に使える測定器を設置している。</t>
    <rPh sb="2" eb="5">
      <t>ケツアツケイ</t>
    </rPh>
    <rPh sb="6" eb="9">
      <t>タイジュウケイ</t>
    </rPh>
    <rPh sb="11" eb="14">
      <t>ジュウギョウイン</t>
    </rPh>
    <rPh sb="15" eb="17">
      <t>ジユウ</t>
    </rPh>
    <rPh sb="18" eb="19">
      <t>ツカ</t>
    </rPh>
    <rPh sb="21" eb="24">
      <t>ソクテイキ</t>
    </rPh>
    <rPh sb="25" eb="27">
      <t>セッチ</t>
    </rPh>
    <phoneticPr fontId="2"/>
  </si>
  <si>
    <t>5）運動器具（ｴｱﾛﾊﾞｲｸ等）を従業員が自由に使えるよう設置している。</t>
    <rPh sb="2" eb="4">
      <t>ウンドウ</t>
    </rPh>
    <rPh sb="4" eb="6">
      <t>キグ</t>
    </rPh>
    <rPh sb="14" eb="15">
      <t>トウ</t>
    </rPh>
    <rPh sb="17" eb="20">
      <t>ジュウギョウイン</t>
    </rPh>
    <rPh sb="21" eb="23">
      <t>ジユウ</t>
    </rPh>
    <rPh sb="24" eb="25">
      <t>ツカ</t>
    </rPh>
    <rPh sb="29" eb="31">
      <t>セッチ</t>
    </rPh>
    <phoneticPr fontId="2"/>
  </si>
  <si>
    <t>⑨ 事業所での健康づくりにおいて、工夫していること又は特に力を入れている取組があれば</t>
    <rPh sb="2" eb="5">
      <t>ジギョウショ</t>
    </rPh>
    <rPh sb="7" eb="9">
      <t>ケンコウ</t>
    </rPh>
    <rPh sb="17" eb="19">
      <t>クフウ</t>
    </rPh>
    <rPh sb="25" eb="26">
      <t>マタ</t>
    </rPh>
    <rPh sb="27" eb="28">
      <t>トク</t>
    </rPh>
    <rPh sb="29" eb="30">
      <t>チカラ</t>
    </rPh>
    <rPh sb="31" eb="32">
      <t>イ</t>
    </rPh>
    <rPh sb="36" eb="38">
      <t>トリクミ</t>
    </rPh>
    <phoneticPr fontId="2"/>
  </si>
  <si>
    <t>　　以下の質問の全ての回答欄に○×を記入,または該当する番号や数値を記入願います。</t>
    <rPh sb="2" eb="4">
      <t>イカ</t>
    </rPh>
    <rPh sb="5" eb="7">
      <t>シツモン</t>
    </rPh>
    <rPh sb="8" eb="9">
      <t>スベ</t>
    </rPh>
    <rPh sb="11" eb="14">
      <t>カイトウラン</t>
    </rPh>
    <rPh sb="18" eb="20">
      <t>キニュウ</t>
    </rPh>
    <rPh sb="24" eb="26">
      <t>ガイトウ</t>
    </rPh>
    <rPh sb="28" eb="30">
      <t>バンゴウ</t>
    </rPh>
    <rPh sb="31" eb="33">
      <t>スウチ</t>
    </rPh>
    <rPh sb="34" eb="36">
      <t>キニュウ</t>
    </rPh>
    <rPh sb="36" eb="37">
      <t>ネガ</t>
    </rPh>
    <phoneticPr fontId="2"/>
  </si>
  <si>
    <r>
      <t>⑦ 職場の雰囲気は友好的ですか。</t>
    </r>
    <r>
      <rPr>
        <b/>
        <u/>
        <sz val="12"/>
        <color theme="1"/>
        <rFont val="ＭＳ 明朝"/>
        <family val="1"/>
        <charset val="128"/>
      </rPr>
      <t>該当する番号を記入</t>
    </r>
    <r>
      <rPr>
        <sz val="12"/>
        <color theme="1"/>
        <rFont val="ＭＳ 明朝"/>
        <family val="1"/>
        <charset val="128"/>
      </rPr>
      <t>ください。</t>
    </r>
    <rPh sb="2" eb="4">
      <t>ショクバ</t>
    </rPh>
    <rPh sb="5" eb="8">
      <t>フンイキ</t>
    </rPh>
    <rPh sb="9" eb="12">
      <t>ユウコウテキ</t>
    </rPh>
    <rPh sb="16" eb="18">
      <t>ガイトウ</t>
    </rPh>
    <rPh sb="20" eb="22">
      <t>バンゴウ</t>
    </rPh>
    <rPh sb="23" eb="25">
      <t>キニュウ</t>
    </rPh>
    <phoneticPr fontId="2"/>
  </si>
  <si>
    <r>
      <t>⑥ 職場では「健康」に関する会話は多いですか。</t>
    </r>
    <r>
      <rPr>
        <b/>
        <u/>
        <sz val="12"/>
        <color theme="1"/>
        <rFont val="ＭＳ 明朝"/>
        <family val="1"/>
        <charset val="128"/>
      </rPr>
      <t>該当する番号を記入</t>
    </r>
    <r>
      <rPr>
        <sz val="12"/>
        <color theme="1"/>
        <rFont val="ＭＳ 明朝"/>
        <family val="1"/>
        <charset val="128"/>
      </rPr>
      <t>ください。</t>
    </r>
    <rPh sb="2" eb="4">
      <t>ショクバ</t>
    </rPh>
    <rPh sb="7" eb="9">
      <t>ケンコウ</t>
    </rPh>
    <rPh sb="11" eb="12">
      <t>カン</t>
    </rPh>
    <rPh sb="14" eb="16">
      <t>カイワ</t>
    </rPh>
    <rPh sb="17" eb="18">
      <t>オオ</t>
    </rPh>
    <rPh sb="23" eb="25">
      <t>ガイトウ</t>
    </rPh>
    <rPh sb="27" eb="29">
      <t>バンゴウ</t>
    </rPh>
    <rPh sb="30" eb="32">
      <t>キニュウ</t>
    </rPh>
    <phoneticPr fontId="2"/>
  </si>
  <si>
    <r>
      <t>⑧ 職場は活気づいていますか。</t>
    </r>
    <r>
      <rPr>
        <b/>
        <u/>
        <sz val="12"/>
        <color theme="1"/>
        <rFont val="ＭＳ 明朝"/>
        <family val="1"/>
        <charset val="128"/>
      </rPr>
      <t>該当する番号を記入</t>
    </r>
    <r>
      <rPr>
        <sz val="12"/>
        <color theme="1"/>
        <rFont val="ＭＳ 明朝"/>
        <family val="1"/>
        <charset val="128"/>
      </rPr>
      <t>してください。</t>
    </r>
    <rPh sb="2" eb="4">
      <t>ショクバ</t>
    </rPh>
    <rPh sb="5" eb="7">
      <t>カッキ</t>
    </rPh>
    <rPh sb="15" eb="17">
      <t>ガイトウ</t>
    </rPh>
    <rPh sb="19" eb="21">
      <t>バンゴウ</t>
    </rPh>
    <rPh sb="22" eb="24">
      <t>キニュウ</t>
    </rPh>
    <phoneticPr fontId="2"/>
  </si>
  <si>
    <t>　　⇒費用補助（補助率を問わず）を行っている｢がん検診｣の種類に◯を記入してください。</t>
    <rPh sb="3" eb="5">
      <t>ヒヨウ</t>
    </rPh>
    <rPh sb="5" eb="7">
      <t>ホジョ</t>
    </rPh>
    <rPh sb="8" eb="11">
      <t>ホジョリツ</t>
    </rPh>
    <rPh sb="12" eb="13">
      <t>ト</t>
    </rPh>
    <rPh sb="17" eb="18">
      <t>オコナ</t>
    </rPh>
    <rPh sb="25" eb="27">
      <t>ケンシン</t>
    </rPh>
    <rPh sb="29" eb="31">
      <t>シュルイ</t>
    </rPh>
    <rPh sb="34" eb="36">
      <t>キニュウ</t>
    </rPh>
    <phoneticPr fontId="2"/>
  </si>
  <si>
    <t>2）弁当や食堂では、健康に配慮したメニューを選択できるようにした。</t>
    <rPh sb="2" eb="4">
      <t>ベントウ</t>
    </rPh>
    <rPh sb="5" eb="7">
      <t>ショクドウ</t>
    </rPh>
    <rPh sb="10" eb="12">
      <t>ケンコウ</t>
    </rPh>
    <rPh sb="13" eb="15">
      <t>ハイリョ</t>
    </rPh>
    <rPh sb="22" eb="24">
      <t>センタク</t>
    </rPh>
    <phoneticPr fontId="2"/>
  </si>
  <si>
    <t>④ 治療と仕事の両立ができるよう従業員が有給休暇を取りやすいような配慮を行っている。</t>
    <rPh sb="2" eb="4">
      <t>チリョウ</t>
    </rPh>
    <rPh sb="5" eb="7">
      <t>シゴト</t>
    </rPh>
    <rPh sb="8" eb="10">
      <t>リョウリツ</t>
    </rPh>
    <rPh sb="16" eb="19">
      <t>ジュウギョウイン</t>
    </rPh>
    <rPh sb="20" eb="22">
      <t>ユウキュウ</t>
    </rPh>
    <rPh sb="22" eb="24">
      <t>キュウカ</t>
    </rPh>
    <rPh sb="25" eb="26">
      <t>ト</t>
    </rPh>
    <phoneticPr fontId="2"/>
  </si>
  <si>
    <t>　　　　　　　上記④で「喫煙者」を把握している場合は、人数を記載ください。</t>
    <rPh sb="7" eb="9">
      <t>ジョウキ</t>
    </rPh>
    <rPh sb="12" eb="15">
      <t>キツエンシャ</t>
    </rPh>
    <rPh sb="17" eb="19">
      <t>ハアク</t>
    </rPh>
    <rPh sb="23" eb="25">
      <t>バアイ</t>
    </rPh>
    <rPh sb="27" eb="29">
      <t>ニンズウ</t>
    </rPh>
    <rPh sb="30" eb="32">
      <t>キサイ</t>
    </rPh>
    <phoneticPr fontId="2"/>
  </si>
  <si>
    <r>
      <t>①「がん検診」に関する取組において、該当する項目</t>
    </r>
    <r>
      <rPr>
        <b/>
        <u/>
        <sz val="12"/>
        <color theme="1"/>
        <rFont val="ＭＳ 明朝"/>
        <family val="1"/>
        <charset val="128"/>
      </rPr>
      <t>全てに◯</t>
    </r>
    <r>
      <rPr>
        <sz val="12"/>
        <color theme="1"/>
        <rFont val="ＭＳ 明朝"/>
        <family val="1"/>
        <charset val="128"/>
      </rPr>
      <t>を記入してください。</t>
    </r>
    <rPh sb="4" eb="6">
      <t>ケンシン</t>
    </rPh>
    <rPh sb="8" eb="9">
      <t>カン</t>
    </rPh>
    <rPh sb="11" eb="13">
      <t>トリクミ</t>
    </rPh>
    <rPh sb="18" eb="20">
      <t>ガイトウ</t>
    </rPh>
    <rPh sb="22" eb="24">
      <t>コウモク</t>
    </rPh>
    <rPh sb="24" eb="25">
      <t>スベ</t>
    </rPh>
    <rPh sb="29" eb="31">
      <t>キニュウ</t>
    </rPh>
    <phoneticPr fontId="2"/>
  </si>
  <si>
    <r>
      <t>⑤ 職場環境の整備について、該当する項目に</t>
    </r>
    <r>
      <rPr>
        <b/>
        <u/>
        <sz val="12"/>
        <color theme="1"/>
        <rFont val="ＭＳ 明朝"/>
        <family val="1"/>
        <charset val="128"/>
      </rPr>
      <t>全てに○</t>
    </r>
    <r>
      <rPr>
        <sz val="12"/>
        <color theme="1"/>
        <rFont val="ＭＳ 明朝"/>
        <family val="1"/>
        <charset val="128"/>
      </rPr>
      <t>を記入してください。</t>
    </r>
    <rPh sb="2" eb="4">
      <t>ショクバ</t>
    </rPh>
    <rPh sb="4" eb="6">
      <t>カンキョウ</t>
    </rPh>
    <rPh sb="7" eb="9">
      <t>セイビ</t>
    </rPh>
    <rPh sb="14" eb="16">
      <t>ガイトウ</t>
    </rPh>
    <rPh sb="18" eb="20">
      <t>コウモク</t>
    </rPh>
    <rPh sb="21" eb="22">
      <t>スベ</t>
    </rPh>
    <rPh sb="26" eb="28">
      <t>キニュウ</t>
    </rPh>
    <phoneticPr fontId="2"/>
  </si>
  <si>
    <t>回答欄</t>
    <rPh sb="0" eb="3">
      <t>カイトウラン</t>
    </rPh>
    <phoneticPr fontId="2"/>
  </si>
  <si>
    <r>
      <t>＊受動喫煙防止対策について、該当する項目</t>
    </r>
    <r>
      <rPr>
        <b/>
        <u/>
        <sz val="12"/>
        <color theme="1"/>
        <rFont val="ＭＳ 明朝"/>
        <family val="1"/>
        <charset val="128"/>
      </rPr>
      <t>全てに○</t>
    </r>
    <r>
      <rPr>
        <sz val="12"/>
        <color theme="1"/>
        <rFont val="ＭＳ 明朝"/>
        <family val="1"/>
        <charset val="128"/>
      </rPr>
      <t>を記入してください。</t>
    </r>
    <phoneticPr fontId="2"/>
  </si>
  <si>
    <t>2) 禁煙日、禁煙ウィーク、禁煙月間などを設定している。</t>
    <rPh sb="21" eb="23">
      <t>セッテイ</t>
    </rPh>
    <phoneticPr fontId="2"/>
  </si>
  <si>
    <t>　　　　　　　</t>
    <phoneticPr fontId="2"/>
  </si>
  <si>
    <t>　② 建物内のみ禁煙をしている。</t>
    <phoneticPr fontId="2"/>
  </si>
  <si>
    <r>
      <t>　③ 建物内(屋内）に「喫煙専用室」がある。　</t>
    </r>
    <r>
      <rPr>
        <b/>
        <u/>
        <sz val="12.5"/>
        <color theme="1"/>
        <rFont val="ＭＳ 明朝"/>
        <family val="1"/>
        <charset val="128"/>
      </rPr>
      <t>※非認定</t>
    </r>
    <rPh sb="7" eb="9">
      <t>オクナイ</t>
    </rPh>
    <rPh sb="12" eb="14">
      <t>キツエン</t>
    </rPh>
    <rPh sb="14" eb="17">
      <t>センヨウシツ</t>
    </rPh>
    <rPh sb="24" eb="25">
      <t>ヒ</t>
    </rPh>
    <rPh sb="25" eb="27">
      <t>ニンテイ</t>
    </rPh>
    <phoneticPr fontId="2"/>
  </si>
  <si>
    <t>　① 敷地内（建物内＋屋外）禁煙をしている。</t>
    <rPh sb="7" eb="10">
      <t>タテモノナイ</t>
    </rPh>
    <rPh sb="11" eb="13">
      <t>オクガイ</t>
    </rPh>
    <phoneticPr fontId="2"/>
  </si>
  <si>
    <t>2) 要精密や要治療の人には、早め（３ヶ月以内）に医療機関へ確実に受診するよう勧奨している。</t>
    <rPh sb="3" eb="4">
      <t>ヨウ</t>
    </rPh>
    <rPh sb="4" eb="6">
      <t>セイミツ</t>
    </rPh>
    <rPh sb="7" eb="8">
      <t>ヨウ</t>
    </rPh>
    <rPh sb="8" eb="10">
      <t>チリョウ</t>
    </rPh>
    <rPh sb="11" eb="12">
      <t>ヒト</t>
    </rPh>
    <rPh sb="15" eb="16">
      <t>ハヤ</t>
    </rPh>
    <rPh sb="20" eb="23">
      <t>ゲツイナイ</t>
    </rPh>
    <rPh sb="25" eb="27">
      <t>イリョウ</t>
    </rPh>
    <rPh sb="27" eb="29">
      <t>キカン</t>
    </rPh>
    <rPh sb="30" eb="32">
      <t>カクジツ</t>
    </rPh>
    <rPh sb="33" eb="35">
      <t>ジュシン</t>
    </rPh>
    <rPh sb="39" eb="41">
      <t>カンショウ</t>
    </rPh>
    <phoneticPr fontId="2"/>
  </si>
  <si>
    <t>令和 年　月　日</t>
    <rPh sb="0" eb="2">
      <t>レイワ</t>
    </rPh>
    <rPh sb="3" eb="4">
      <t>ネン</t>
    </rPh>
    <rPh sb="5" eb="6">
      <t>ガツ</t>
    </rPh>
    <rPh sb="7" eb="8">
      <t>ニチ</t>
    </rPh>
    <phoneticPr fontId="2"/>
  </si>
  <si>
    <t>※①が○の場合②についても○を記入してください。</t>
    <rPh sb="5" eb="7">
      <t>バアイ</t>
    </rPh>
    <rPh sb="15" eb="17">
      <t>キニュウ</t>
    </rPh>
    <phoneticPr fontId="2"/>
  </si>
  <si>
    <t>3）通勤や仕事での移動の際に自転車の利用をすすめている。</t>
    <rPh sb="2" eb="4">
      <t>ツウキン</t>
    </rPh>
    <rPh sb="5" eb="7">
      <t>シゴト</t>
    </rPh>
    <rPh sb="9" eb="11">
      <t>イドウ</t>
    </rPh>
    <rPh sb="12" eb="13">
      <t>サイ</t>
    </rPh>
    <rPh sb="14" eb="17">
      <t>ジテンシャ</t>
    </rPh>
    <rPh sb="18" eb="20">
      <t>リヨウ</t>
    </rPh>
    <phoneticPr fontId="2"/>
  </si>
  <si>
    <t>　② 今年度、事業所以外の地域で行われている健康ｲﾍﾞﾝﾄ等に参加している。</t>
    <rPh sb="3" eb="6">
      <t>コンネンド</t>
    </rPh>
    <rPh sb="7" eb="10">
      <t>ジギョウショ</t>
    </rPh>
    <rPh sb="10" eb="12">
      <t>イガイ</t>
    </rPh>
    <rPh sb="13" eb="15">
      <t>チイキ</t>
    </rPh>
    <rPh sb="16" eb="17">
      <t>オコナ</t>
    </rPh>
    <rPh sb="22" eb="24">
      <t>ケンコウ</t>
    </rPh>
    <rPh sb="29" eb="30">
      <t>トウ</t>
    </rPh>
    <phoneticPr fontId="2"/>
  </si>
  <si>
    <t>　① 今年度、事業所をあげた健康づくりに取組んでいる。</t>
    <rPh sb="3" eb="6">
      <t>コンネンド</t>
    </rPh>
    <rPh sb="7" eb="10">
      <t>ジギョウショ</t>
    </rPh>
    <rPh sb="20" eb="22">
      <t>トリク</t>
    </rPh>
    <phoneticPr fontId="2"/>
  </si>
  <si>
    <t>令和５年度　「健康経営事業所」実績報告書</t>
    <rPh sb="0" eb="2">
      <t>レイワ</t>
    </rPh>
    <rPh sb="3" eb="5">
      <t>ネンド</t>
    </rPh>
    <rPh sb="7" eb="9">
      <t>ケンコウ</t>
    </rPh>
    <rPh sb="9" eb="11">
      <t>ケイエイ</t>
    </rPh>
    <rPh sb="11" eb="14">
      <t>ジギョウショ</t>
    </rPh>
    <rPh sb="15" eb="17">
      <t>ジッセキ</t>
    </rPh>
    <rPh sb="17" eb="19">
      <t>ホウコク</t>
    </rPh>
    <rPh sb="19" eb="20">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4" x14ac:knownFonts="1">
    <font>
      <sz val="11"/>
      <color theme="1"/>
      <name val="ＭＳ Ｐゴシック"/>
      <family val="2"/>
      <charset val="128"/>
      <scheme val="minor"/>
    </font>
    <font>
      <sz val="11"/>
      <color theme="1"/>
      <name val="ＭＳ 明朝"/>
      <family val="1"/>
      <charset val="128"/>
    </font>
    <font>
      <sz val="6"/>
      <name val="ＭＳ Ｐゴシック"/>
      <family val="2"/>
      <charset val="128"/>
      <scheme val="minor"/>
    </font>
    <font>
      <sz val="12"/>
      <color theme="1"/>
      <name val="ＭＳ 明朝"/>
      <family val="1"/>
      <charset val="128"/>
    </font>
    <font>
      <b/>
      <u/>
      <sz val="12"/>
      <color theme="1"/>
      <name val="ＭＳ 明朝"/>
      <family val="1"/>
      <charset val="128"/>
    </font>
    <font>
      <sz val="11"/>
      <color theme="1"/>
      <name val="ＭＳ Ｐゴシック"/>
      <family val="3"/>
      <charset val="128"/>
      <scheme val="minor"/>
    </font>
    <font>
      <b/>
      <sz val="12"/>
      <color theme="1"/>
      <name val="ＭＳ 明朝"/>
      <family val="1"/>
      <charset val="128"/>
    </font>
    <font>
      <sz val="12"/>
      <name val="ＭＳ 明朝"/>
      <family val="1"/>
      <charset val="128"/>
    </font>
    <font>
      <sz val="12"/>
      <color theme="1"/>
      <name val="ＭＳ Ｐゴシック"/>
      <family val="2"/>
      <charset val="128"/>
      <scheme val="minor"/>
    </font>
    <font>
      <b/>
      <sz val="12"/>
      <color theme="1"/>
      <name val="ＭＳ Ｐゴシック"/>
      <family val="3"/>
      <charset val="128"/>
      <scheme val="major"/>
    </font>
    <font>
      <b/>
      <sz val="12"/>
      <color theme="1"/>
      <name val="ＭＳ Ｐゴシック"/>
      <family val="3"/>
      <charset val="128"/>
      <scheme val="minor"/>
    </font>
    <font>
      <sz val="12"/>
      <color theme="1"/>
      <name val="ＭＳ Ｐゴシック"/>
      <family val="3"/>
      <charset val="128"/>
    </font>
    <font>
      <sz val="12"/>
      <color theme="1"/>
      <name val="ＭＳ Ｐゴシック"/>
      <family val="3"/>
      <charset val="128"/>
      <scheme val="minor"/>
    </font>
    <font>
      <u/>
      <sz val="11"/>
      <color theme="1"/>
      <name val="ＭＳ Ｐゴシック"/>
      <family val="3"/>
      <charset val="128"/>
      <scheme val="minor"/>
    </font>
    <font>
      <sz val="10"/>
      <color theme="1"/>
      <name val="ＭＳ 明朝"/>
      <family val="1"/>
      <charset val="128"/>
    </font>
    <font>
      <sz val="14"/>
      <color theme="1"/>
      <name val="ＭＳ 明朝"/>
      <family val="1"/>
      <charset val="128"/>
    </font>
    <font>
      <sz val="14"/>
      <color theme="1"/>
      <name val="ＭＳ ゴシック"/>
      <family val="3"/>
      <charset val="128"/>
    </font>
    <font>
      <b/>
      <u/>
      <sz val="11"/>
      <color theme="1"/>
      <name val="ＭＳ 明朝"/>
      <family val="1"/>
      <charset val="128"/>
    </font>
    <font>
      <b/>
      <sz val="14"/>
      <color theme="1"/>
      <name val="ＭＳ Ｐゴシック"/>
      <family val="3"/>
      <charset val="128"/>
      <scheme val="major"/>
    </font>
    <font>
      <sz val="10"/>
      <color theme="1"/>
      <name val="ＭＳ Ｐゴシック"/>
      <family val="3"/>
      <charset val="128"/>
      <scheme val="minor"/>
    </font>
    <font>
      <sz val="9"/>
      <color theme="1"/>
      <name val="ＭＳ Ｐゴシック"/>
      <family val="3"/>
      <charset val="128"/>
    </font>
    <font>
      <sz val="9"/>
      <color theme="1"/>
      <name val="ＭＳ Ｐゴシック"/>
      <family val="3"/>
      <charset val="128"/>
      <scheme val="minor"/>
    </font>
    <font>
      <sz val="9"/>
      <color theme="1"/>
      <name val="ＭＳ Ｐゴシック"/>
      <family val="2"/>
      <charset val="128"/>
      <scheme val="minor"/>
    </font>
    <font>
      <b/>
      <sz val="14"/>
      <color theme="1"/>
      <name val="ＭＳ Ｐゴシック"/>
      <family val="3"/>
      <charset val="128"/>
      <scheme val="minor"/>
    </font>
    <font>
      <sz val="14"/>
      <color theme="1"/>
      <name val="ＭＳ Ｐゴシック"/>
      <family val="3"/>
      <charset val="128"/>
      <scheme val="minor"/>
    </font>
    <font>
      <sz val="10"/>
      <color theme="1"/>
      <name val="ＭＳ ゴシック"/>
      <family val="3"/>
      <charset val="128"/>
    </font>
    <font>
      <sz val="10"/>
      <color theme="1"/>
      <name val="ＭＳ Ｐゴシック"/>
      <family val="3"/>
      <charset val="128"/>
      <scheme val="major"/>
    </font>
    <font>
      <sz val="11"/>
      <color theme="1"/>
      <name val="ＭＳ Ｐゴシック"/>
      <family val="3"/>
      <charset val="128"/>
      <scheme val="major"/>
    </font>
    <font>
      <b/>
      <sz val="24"/>
      <color theme="1"/>
      <name val="ＭＳ Ｐゴシック"/>
      <family val="3"/>
      <charset val="128"/>
    </font>
    <font>
      <sz val="24"/>
      <color theme="1"/>
      <name val="ＭＳ Ｐゴシック"/>
      <family val="3"/>
      <charset val="128"/>
    </font>
    <font>
      <sz val="9"/>
      <color theme="1"/>
      <name val="ＭＳ 明朝"/>
      <family val="1"/>
      <charset val="128"/>
    </font>
    <font>
      <u/>
      <sz val="12"/>
      <color theme="1"/>
      <name val="ＭＳ 明朝"/>
      <family val="1"/>
      <charset val="128"/>
    </font>
    <font>
      <u/>
      <sz val="12"/>
      <name val="ＭＳ 明朝"/>
      <family val="1"/>
      <charset val="128"/>
    </font>
    <font>
      <b/>
      <u/>
      <sz val="12.5"/>
      <color theme="1"/>
      <name val="ＭＳ 明朝"/>
      <family val="1"/>
      <charset val="128"/>
    </font>
  </fonts>
  <fills count="3">
    <fill>
      <patternFill patternType="none"/>
    </fill>
    <fill>
      <patternFill patternType="gray125"/>
    </fill>
    <fill>
      <patternFill patternType="solid">
        <fgColor theme="0"/>
        <bgColor indexed="64"/>
      </patternFill>
    </fill>
  </fills>
  <borders count="3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auto="1"/>
      </right>
      <top style="thin">
        <color indexed="64"/>
      </top>
      <bottom style="dotted">
        <color indexed="64"/>
      </bottom>
      <diagonal/>
    </border>
    <border>
      <left/>
      <right style="medium">
        <color indexed="64"/>
      </right>
      <top/>
      <bottom/>
      <diagonal/>
    </border>
    <border>
      <left/>
      <right style="thin">
        <color indexed="64"/>
      </right>
      <top style="medium">
        <color indexed="64"/>
      </top>
      <bottom style="thin">
        <color indexed="64"/>
      </bottom>
      <diagonal/>
    </border>
    <border>
      <left/>
      <right style="thin">
        <color indexed="64"/>
      </right>
      <top style="thin">
        <color indexed="64"/>
      </top>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right/>
      <top/>
      <bottom style="dotted">
        <color indexed="64"/>
      </bottom>
      <diagonal/>
    </border>
  </borders>
  <cellStyleXfs count="2">
    <xf numFmtId="0" fontId="0" fillId="0" borderId="0">
      <alignment vertical="center"/>
    </xf>
    <xf numFmtId="0" fontId="5" fillId="0" borderId="0">
      <alignment vertical="center"/>
    </xf>
  </cellStyleXfs>
  <cellXfs count="155">
    <xf numFmtId="0" fontId="0" fillId="0" borderId="0" xfId="0">
      <alignment vertical="center"/>
    </xf>
    <xf numFmtId="0" fontId="1" fillId="0" borderId="0" xfId="0" applyFont="1">
      <alignment vertical="center"/>
    </xf>
    <xf numFmtId="0" fontId="1" fillId="0" borderId="0" xfId="0" applyFont="1" applyBorder="1">
      <alignment vertical="center"/>
    </xf>
    <xf numFmtId="0" fontId="1" fillId="0" borderId="0" xfId="0" applyFont="1" applyAlignment="1">
      <alignment horizontal="center" vertical="center"/>
    </xf>
    <xf numFmtId="0" fontId="1" fillId="0" borderId="0" xfId="0" applyFont="1">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3" fillId="0" borderId="0" xfId="0" applyFont="1" applyAlignment="1">
      <alignment vertical="center"/>
    </xf>
    <xf numFmtId="0" fontId="3" fillId="0" borderId="0" xfId="0" applyFont="1" applyAlignment="1">
      <alignment horizontal="center" vertical="center"/>
    </xf>
    <xf numFmtId="0" fontId="7" fillId="0" borderId="0" xfId="0" applyFont="1" applyAlignment="1">
      <alignment horizontal="left" vertical="center"/>
    </xf>
    <xf numFmtId="0" fontId="3" fillId="0" borderId="0" xfId="0" applyFont="1" applyAlignment="1">
      <alignment horizontal="right" vertical="center"/>
    </xf>
    <xf numFmtId="0" fontId="3" fillId="0" borderId="0" xfId="0" applyFont="1" applyAlignment="1">
      <alignment vertical="center" shrinkToFit="1"/>
    </xf>
    <xf numFmtId="0" fontId="3" fillId="0" borderId="0" xfId="0" applyFont="1" applyBorder="1" applyAlignment="1">
      <alignment vertical="center"/>
    </xf>
    <xf numFmtId="0" fontId="3" fillId="0" borderId="0" xfId="0" applyFont="1" applyBorder="1" applyAlignment="1">
      <alignment horizontal="left" vertical="center"/>
    </xf>
    <xf numFmtId="0" fontId="3" fillId="0" borderId="0" xfId="0" applyFont="1" applyAlignment="1">
      <alignment horizontal="left" vertical="center"/>
    </xf>
    <xf numFmtId="0" fontId="3" fillId="0" borderId="4" xfId="0" applyFont="1" applyBorder="1" applyAlignment="1">
      <alignment horizontal="center" vertical="center"/>
    </xf>
    <xf numFmtId="0" fontId="3" fillId="0" borderId="0" xfId="0" applyFont="1" applyBorder="1" applyAlignment="1">
      <alignment horizontal="center" vertical="center"/>
    </xf>
    <xf numFmtId="0" fontId="3" fillId="0" borderId="0" xfId="0" applyFont="1" applyBorder="1">
      <alignment vertical="center"/>
    </xf>
    <xf numFmtId="0" fontId="3" fillId="2" borderId="21" xfId="0" applyFont="1" applyFill="1" applyBorder="1" applyAlignment="1">
      <alignment horizontal="center" vertical="center"/>
    </xf>
    <xf numFmtId="0" fontId="3" fillId="0" borderId="0" xfId="0" applyFont="1" applyAlignment="1">
      <alignment vertical="center" wrapText="1"/>
    </xf>
    <xf numFmtId="0" fontId="3" fillId="0" borderId="0" xfId="0" applyFont="1" applyBorder="1" applyAlignment="1">
      <alignment vertical="center" wrapText="1"/>
    </xf>
    <xf numFmtId="0" fontId="3" fillId="0" borderId="0" xfId="0" applyFont="1" applyBorder="1" applyAlignment="1">
      <alignment horizontal="left" vertical="top" wrapText="1"/>
    </xf>
    <xf numFmtId="0" fontId="3" fillId="2" borderId="5" xfId="0" applyFont="1" applyFill="1" applyBorder="1" applyAlignment="1">
      <alignment horizontal="center" vertical="center"/>
    </xf>
    <xf numFmtId="0" fontId="3" fillId="0" borderId="0" xfId="0" applyFont="1" applyBorder="1" applyAlignment="1">
      <alignment horizontal="left" vertical="center" wrapText="1"/>
    </xf>
    <xf numFmtId="0" fontId="3" fillId="2" borderId="0" xfId="0" applyFont="1" applyFill="1" applyBorder="1" applyAlignment="1">
      <alignment horizontal="center" vertical="center"/>
    </xf>
    <xf numFmtId="0" fontId="3" fillId="0" borderId="0" xfId="0" applyFont="1" applyAlignment="1">
      <alignment horizontal="left" vertical="center" wrapText="1"/>
    </xf>
    <xf numFmtId="0" fontId="3" fillId="0" borderId="0" xfId="0" applyFont="1" applyFill="1" applyBorder="1" applyAlignment="1">
      <alignment vertical="center"/>
    </xf>
    <xf numFmtId="0" fontId="6" fillId="0" borderId="0" xfId="0" applyFont="1" applyBorder="1" applyAlignment="1">
      <alignment vertical="center"/>
    </xf>
    <xf numFmtId="0" fontId="3" fillId="0" borderId="0" xfId="0" applyFont="1">
      <alignment vertical="center"/>
    </xf>
    <xf numFmtId="0" fontId="3" fillId="0" borderId="0" xfId="0" applyFont="1" applyBorder="1" applyAlignment="1">
      <alignment vertical="center"/>
    </xf>
    <xf numFmtId="0" fontId="3" fillId="0" borderId="0" xfId="0" applyFont="1" applyBorder="1" applyAlignment="1">
      <alignment vertical="center"/>
    </xf>
    <xf numFmtId="0" fontId="3" fillId="0" borderId="0" xfId="0" applyFont="1" applyBorder="1" applyAlignment="1">
      <alignment horizontal="center" vertical="center"/>
    </xf>
    <xf numFmtId="0" fontId="3" fillId="0" borderId="0" xfId="0" applyFont="1">
      <alignment vertical="center"/>
    </xf>
    <xf numFmtId="0" fontId="3" fillId="0" borderId="0" xfId="0" applyFont="1" applyBorder="1" applyAlignment="1">
      <alignment vertical="center"/>
    </xf>
    <xf numFmtId="0" fontId="8" fillId="0" borderId="0" xfId="0" applyFont="1" applyAlignment="1">
      <alignment vertical="center"/>
    </xf>
    <xf numFmtId="0" fontId="3" fillId="0" borderId="0" xfId="0" applyFont="1">
      <alignment vertical="center"/>
    </xf>
    <xf numFmtId="0" fontId="3" fillId="0" borderId="0" xfId="0" applyFont="1" applyAlignment="1">
      <alignment horizontal="center" vertical="center"/>
    </xf>
    <xf numFmtId="0" fontId="3" fillId="0" borderId="0" xfId="0" applyFont="1" applyAlignment="1">
      <alignment horizontal="left" vertical="center" wrapText="1"/>
    </xf>
    <xf numFmtId="0" fontId="3" fillId="0" borderId="0" xfId="0" applyFont="1" applyBorder="1" applyAlignment="1">
      <alignment horizontal="center" vertical="center" wrapText="1"/>
    </xf>
    <xf numFmtId="0" fontId="3" fillId="0" borderId="0" xfId="0" applyFont="1" applyBorder="1" applyAlignment="1">
      <alignment horizontal="center" vertical="center"/>
    </xf>
    <xf numFmtId="0" fontId="9" fillId="0" borderId="0" xfId="0" applyFont="1" applyAlignment="1">
      <alignment horizontal="lef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5" fillId="0" borderId="0" xfId="0" applyFont="1">
      <alignment vertical="center"/>
    </xf>
    <xf numFmtId="0" fontId="16" fillId="0" borderId="0" xfId="0" applyFont="1" applyAlignment="1">
      <alignment horizontal="center" vertical="center"/>
    </xf>
    <xf numFmtId="0" fontId="3" fillId="0" borderId="0" xfId="0" applyFont="1" applyBorder="1" applyAlignment="1">
      <alignment vertical="center"/>
    </xf>
    <xf numFmtId="0" fontId="3" fillId="0" borderId="0" xfId="0" applyFont="1" applyBorder="1" applyAlignment="1"/>
    <xf numFmtId="0" fontId="10" fillId="0" borderId="0" xfId="0" applyFont="1" applyBorder="1" applyAlignment="1">
      <alignment horizontal="left" vertical="center"/>
    </xf>
    <xf numFmtId="0" fontId="20" fillId="0" borderId="0" xfId="0" applyFont="1" applyBorder="1" applyAlignment="1">
      <alignment horizontal="center" vertical="center"/>
    </xf>
    <xf numFmtId="0" fontId="21" fillId="0" borderId="0" xfId="0" applyFont="1" applyBorder="1" applyAlignment="1">
      <alignment horizontal="center" vertical="center"/>
    </xf>
    <xf numFmtId="0" fontId="20" fillId="0" borderId="0" xfId="0" applyFont="1" applyAlignment="1">
      <alignment horizontal="center" vertical="center"/>
    </xf>
    <xf numFmtId="0" fontId="21" fillId="0" borderId="0" xfId="0" applyFont="1" applyAlignment="1">
      <alignment horizontal="center" vertical="center"/>
    </xf>
    <xf numFmtId="0" fontId="22" fillId="0" borderId="0" xfId="0" applyFont="1" applyAlignment="1">
      <alignment horizontal="center" vertical="center"/>
    </xf>
    <xf numFmtId="0" fontId="11" fillId="0" borderId="1" xfId="0" applyFont="1" applyBorder="1" applyAlignment="1">
      <alignment horizontal="center" vertical="center"/>
    </xf>
    <xf numFmtId="0" fontId="25" fillId="0" borderId="0" xfId="0" applyFont="1">
      <alignment vertical="center"/>
    </xf>
    <xf numFmtId="0" fontId="19" fillId="0" borderId="0" xfId="0" applyFont="1" applyBorder="1" applyAlignment="1">
      <alignment horizontal="left" vertical="center"/>
    </xf>
    <xf numFmtId="0" fontId="26" fillId="0" borderId="0" xfId="0" applyFont="1" applyAlignment="1">
      <alignment horizontal="left" vertical="center"/>
    </xf>
    <xf numFmtId="0" fontId="27" fillId="0" borderId="0" xfId="0" applyFont="1" applyAlignment="1">
      <alignment horizontal="left" vertical="center"/>
    </xf>
    <xf numFmtId="0" fontId="5" fillId="0" borderId="0" xfId="0" applyFont="1" applyBorder="1" applyAlignment="1">
      <alignment horizontal="left" vertical="center"/>
    </xf>
    <xf numFmtId="0" fontId="20" fillId="0" borderId="0" xfId="0" applyFont="1" applyBorder="1" applyAlignment="1">
      <alignment horizontal="center" vertical="center" wrapText="1"/>
    </xf>
    <xf numFmtId="0" fontId="24" fillId="0" borderId="0" xfId="0" applyFont="1" applyAlignment="1">
      <alignment horizontal="left" vertical="center"/>
    </xf>
    <xf numFmtId="0" fontId="3" fillId="0" borderId="16" xfId="0" applyFont="1" applyBorder="1" applyAlignment="1">
      <alignment vertical="center"/>
    </xf>
    <xf numFmtId="0" fontId="3" fillId="0" borderId="10" xfId="0" applyFont="1" applyBorder="1" applyAlignment="1">
      <alignment vertical="center"/>
    </xf>
    <xf numFmtId="0" fontId="3" fillId="0" borderId="13" xfId="0" applyFont="1" applyBorder="1" applyAlignment="1">
      <alignment vertical="center" wrapText="1"/>
    </xf>
    <xf numFmtId="0" fontId="3" fillId="0" borderId="14" xfId="0" applyFont="1" applyBorder="1" applyAlignment="1">
      <alignment vertical="center" wrapText="1"/>
    </xf>
    <xf numFmtId="0" fontId="3" fillId="0" borderId="15" xfId="0" applyFont="1" applyBorder="1" applyAlignment="1">
      <alignment vertical="center" wrapText="1"/>
    </xf>
    <xf numFmtId="0" fontId="3" fillId="0" borderId="9" xfId="0" applyFont="1" applyBorder="1">
      <alignment vertical="center"/>
    </xf>
    <xf numFmtId="0" fontId="3" fillId="0" borderId="12" xfId="0" applyFont="1" applyBorder="1">
      <alignment vertical="center"/>
    </xf>
    <xf numFmtId="0" fontId="3" fillId="2" borderId="26" xfId="0" applyFont="1" applyFill="1" applyBorder="1" applyAlignment="1">
      <alignment horizontal="center" vertical="center"/>
    </xf>
    <xf numFmtId="0" fontId="14" fillId="0" borderId="0" xfId="0" applyFont="1" applyBorder="1" applyAlignment="1">
      <alignment vertical="center"/>
    </xf>
    <xf numFmtId="0" fontId="30" fillId="0" borderId="20" xfId="0" applyFont="1" applyBorder="1" applyAlignment="1">
      <alignment horizontal="right" vertical="center"/>
    </xf>
    <xf numFmtId="0" fontId="3" fillId="0" borderId="5" xfId="0" applyFont="1" applyBorder="1" applyAlignment="1">
      <alignment horizontal="center" vertical="center"/>
    </xf>
    <xf numFmtId="0" fontId="3" fillId="0" borderId="0" xfId="0" applyFont="1" applyAlignment="1">
      <alignment horizontal="left" vertical="center"/>
    </xf>
    <xf numFmtId="0" fontId="3" fillId="0" borderId="0" xfId="0" applyFont="1" applyBorder="1" applyAlignment="1">
      <alignment vertical="center"/>
    </xf>
    <xf numFmtId="0" fontId="3" fillId="0" borderId="8" xfId="0" applyFont="1" applyBorder="1" applyAlignment="1">
      <alignment horizontal="left" vertical="center"/>
    </xf>
    <xf numFmtId="0" fontId="3" fillId="0" borderId="0" xfId="0" applyFont="1" applyBorder="1" applyAlignment="1">
      <alignment horizontal="center" vertical="center"/>
    </xf>
    <xf numFmtId="0" fontId="3" fillId="0" borderId="24" xfId="0" applyFont="1" applyBorder="1" applyAlignment="1">
      <alignment horizontal="left" vertical="center" wrapText="1"/>
    </xf>
    <xf numFmtId="0" fontId="3" fillId="0" borderId="16" xfId="0" applyFont="1" applyBorder="1" applyAlignment="1">
      <alignment horizontal="left" vertical="center" wrapText="1"/>
    </xf>
    <xf numFmtId="0" fontId="1" fillId="0" borderId="0" xfId="0" applyFont="1" applyBorder="1" applyAlignment="1">
      <alignment horizontal="left" vertical="center"/>
    </xf>
    <xf numFmtId="0" fontId="14" fillId="0" borderId="16" xfId="0" applyFont="1" applyBorder="1" applyAlignment="1">
      <alignment vertical="center"/>
    </xf>
    <xf numFmtId="0" fontId="20" fillId="0" borderId="10" xfId="0" applyFont="1" applyBorder="1" applyAlignment="1">
      <alignment horizontal="center" vertical="center"/>
    </xf>
    <xf numFmtId="0" fontId="1" fillId="0" borderId="10" xfId="0" applyFont="1" applyBorder="1" applyAlignment="1">
      <alignment horizontal="center" vertical="center"/>
    </xf>
    <xf numFmtId="0" fontId="3" fillId="0" borderId="22" xfId="0" applyFont="1" applyBorder="1" applyAlignment="1"/>
    <xf numFmtId="0" fontId="3" fillId="0" borderId="23" xfId="0" applyFont="1" applyBorder="1" applyAlignment="1"/>
    <xf numFmtId="0" fontId="3" fillId="0" borderId="24" xfId="0" applyFont="1" applyBorder="1" applyAlignment="1"/>
    <xf numFmtId="0" fontId="3" fillId="0" borderId="8" xfId="0" applyFont="1" applyBorder="1" applyAlignment="1"/>
    <xf numFmtId="0" fontId="3" fillId="0" borderId="9" xfId="0" applyFont="1" applyBorder="1" applyAlignment="1"/>
    <xf numFmtId="0" fontId="3" fillId="0" borderId="28" xfId="0" applyFont="1" applyBorder="1" applyAlignment="1"/>
    <xf numFmtId="0" fontId="3" fillId="0" borderId="14" xfId="0" applyFont="1" applyBorder="1" applyAlignment="1">
      <alignment horizontal="left" vertical="center" wrapText="1"/>
    </xf>
    <xf numFmtId="0" fontId="3" fillId="0" borderId="28" xfId="0" applyFont="1" applyBorder="1" applyAlignment="1">
      <alignment horizontal="left" vertical="center" wrapText="1"/>
    </xf>
    <xf numFmtId="0" fontId="3" fillId="0" borderId="24" xfId="0" applyFont="1" applyBorder="1">
      <alignment vertical="center"/>
    </xf>
    <xf numFmtId="0" fontId="3" fillId="0" borderId="28" xfId="0" applyFont="1" applyBorder="1">
      <alignment vertical="center"/>
    </xf>
    <xf numFmtId="0" fontId="3" fillId="0" borderId="22" xfId="0" applyFont="1" applyBorder="1">
      <alignment vertical="center"/>
    </xf>
    <xf numFmtId="0" fontId="3" fillId="0" borderId="23" xfId="0" applyFont="1" applyBorder="1">
      <alignment vertical="center"/>
    </xf>
    <xf numFmtId="0" fontId="3" fillId="0" borderId="24" xfId="0" applyFont="1" applyBorder="1" applyAlignment="1">
      <alignment vertical="center"/>
    </xf>
    <xf numFmtId="0" fontId="3" fillId="0" borderId="8" xfId="0" applyFont="1" applyBorder="1">
      <alignment vertical="center"/>
    </xf>
    <xf numFmtId="0" fontId="3" fillId="0" borderId="28" xfId="0" applyFont="1" applyBorder="1" applyAlignment="1">
      <alignment vertical="center"/>
    </xf>
    <xf numFmtId="0" fontId="3" fillId="0" borderId="11" xfId="0" applyFont="1" applyBorder="1" applyAlignment="1">
      <alignment horizontal="left" vertical="center"/>
    </xf>
    <xf numFmtId="0" fontId="3" fillId="0" borderId="29" xfId="0" applyFont="1" applyBorder="1" applyAlignment="1">
      <alignment vertical="center"/>
    </xf>
    <xf numFmtId="0" fontId="31" fillId="0" borderId="0" xfId="0" applyFont="1" applyAlignment="1">
      <alignment horizontal="right" vertical="center"/>
    </xf>
    <xf numFmtId="0" fontId="3" fillId="0" borderId="0" xfId="0" applyFont="1" applyAlignment="1">
      <alignment horizontal="left" vertical="center"/>
    </xf>
    <xf numFmtId="0" fontId="3" fillId="0" borderId="0" xfId="0" applyFont="1" applyBorder="1" applyAlignment="1">
      <alignment horizontal="center" vertical="top"/>
    </xf>
    <xf numFmtId="0" fontId="7" fillId="0" borderId="0" xfId="0" applyFont="1" applyAlignment="1">
      <alignment horizontal="left" vertical="center"/>
    </xf>
    <xf numFmtId="0" fontId="15" fillId="0" borderId="0" xfId="0" applyFont="1" applyAlignment="1">
      <alignment horizontal="center" vertical="center"/>
    </xf>
    <xf numFmtId="0" fontId="3" fillId="0" borderId="0" xfId="0" applyFont="1" applyAlignment="1">
      <alignment horizontal="left" vertical="center" wrapText="1"/>
    </xf>
    <xf numFmtId="0" fontId="3" fillId="0" borderId="8" xfId="0" applyFont="1" applyBorder="1" applyAlignment="1">
      <alignment horizontal="left" vertical="center" wrapText="1"/>
    </xf>
    <xf numFmtId="0" fontId="3" fillId="0" borderId="9" xfId="0" applyFont="1" applyBorder="1" applyAlignment="1">
      <alignment horizontal="left" vertical="center" wrapText="1"/>
    </xf>
    <xf numFmtId="0" fontId="3" fillId="0" borderId="28" xfId="0" applyFont="1" applyBorder="1" applyAlignment="1">
      <alignment horizontal="left" vertical="center" wrapText="1"/>
    </xf>
    <xf numFmtId="0" fontId="23" fillId="0" borderId="0" xfId="0" applyFont="1" applyAlignment="1">
      <alignment horizontal="left" vertical="center"/>
    </xf>
    <xf numFmtId="0" fontId="11" fillId="0" borderId="2" xfId="0" applyFont="1" applyFill="1" applyBorder="1" applyAlignment="1">
      <alignment horizontal="center" vertical="center"/>
    </xf>
    <xf numFmtId="0" fontId="11" fillId="0" borderId="3" xfId="0" applyFont="1" applyFill="1" applyBorder="1" applyAlignment="1">
      <alignment horizontal="center" vertical="center"/>
    </xf>
    <xf numFmtId="0" fontId="11" fillId="0" borderId="2" xfId="0" applyFont="1" applyBorder="1" applyAlignment="1">
      <alignment horizontal="center" vertical="center" wrapText="1"/>
    </xf>
    <xf numFmtId="0" fontId="11" fillId="0" borderId="4" xfId="0" applyFont="1" applyBorder="1" applyAlignment="1">
      <alignment horizontal="center" vertical="center" wrapText="1"/>
    </xf>
    <xf numFmtId="0" fontId="3" fillId="0" borderId="22" xfId="0" applyFont="1" applyBorder="1" applyAlignment="1">
      <alignment horizontal="left" vertical="center" wrapText="1"/>
    </xf>
    <xf numFmtId="0" fontId="3" fillId="0" borderId="23" xfId="0" applyFont="1" applyBorder="1" applyAlignment="1">
      <alignment horizontal="left" vertical="center" wrapText="1"/>
    </xf>
    <xf numFmtId="0" fontId="3" fillId="0" borderId="13" xfId="0" applyFont="1" applyBorder="1" applyAlignment="1">
      <alignment horizontal="left" vertical="top" wrapText="1"/>
    </xf>
    <xf numFmtId="0" fontId="3" fillId="0" borderId="14" xfId="0" applyFont="1" applyBorder="1" applyAlignment="1">
      <alignment horizontal="left" vertical="top" wrapText="1"/>
    </xf>
    <xf numFmtId="0" fontId="23" fillId="0" borderId="18" xfId="0" applyFont="1" applyBorder="1" applyAlignment="1">
      <alignment horizontal="left" vertical="center"/>
    </xf>
    <xf numFmtId="0" fontId="23" fillId="0" borderId="17" xfId="0" applyFont="1" applyBorder="1" applyAlignment="1">
      <alignment horizontal="left" vertical="center"/>
    </xf>
    <xf numFmtId="0" fontId="23" fillId="0" borderId="19" xfId="0" applyFont="1" applyBorder="1" applyAlignment="1">
      <alignment horizontal="left" vertical="center"/>
    </xf>
    <xf numFmtId="0" fontId="16" fillId="0" borderId="0" xfId="0" applyFont="1" applyAlignment="1">
      <alignment horizontal="center" vertical="center"/>
    </xf>
    <xf numFmtId="0" fontId="18" fillId="0" borderId="18" xfId="0" applyFont="1" applyBorder="1" applyAlignment="1">
      <alignment horizontal="left" vertical="center"/>
    </xf>
    <xf numFmtId="0" fontId="18" fillId="0" borderId="17" xfId="0" applyFont="1" applyBorder="1" applyAlignment="1">
      <alignment horizontal="left" vertical="center"/>
    </xf>
    <xf numFmtId="0" fontId="18" fillId="0" borderId="19" xfId="0" applyFont="1" applyBorder="1" applyAlignment="1">
      <alignment horizontal="left" vertical="center"/>
    </xf>
    <xf numFmtId="0" fontId="3" fillId="0" borderId="0" xfId="0" applyFont="1" applyAlignment="1">
      <alignment horizontal="right" vertical="center"/>
    </xf>
    <xf numFmtId="0" fontId="28" fillId="0" borderId="0" xfId="0" applyFont="1" applyAlignment="1">
      <alignment horizontal="center" vertical="center"/>
    </xf>
    <xf numFmtId="0" fontId="29" fillId="0" borderId="0" xfId="0" applyFont="1" applyAlignment="1">
      <alignment horizontal="center" vertical="center"/>
    </xf>
    <xf numFmtId="0" fontId="15" fillId="0" borderId="0" xfId="0" applyFont="1" applyAlignment="1">
      <alignment horizontal="left" vertical="center"/>
    </xf>
    <xf numFmtId="0" fontId="32" fillId="0" borderId="0" xfId="0" applyFont="1" applyAlignment="1">
      <alignment horizontal="left" vertical="center"/>
    </xf>
    <xf numFmtId="0" fontId="3" fillId="0" borderId="1" xfId="0" applyFont="1" applyBorder="1" applyAlignment="1">
      <alignment horizontal="center" vertical="center"/>
    </xf>
    <xf numFmtId="0" fontId="3" fillId="0" borderId="8" xfId="0" applyFont="1" applyBorder="1" applyAlignment="1">
      <alignment horizontal="left" vertical="center"/>
    </xf>
    <xf numFmtId="0" fontId="3" fillId="0" borderId="9" xfId="0" applyFont="1" applyBorder="1" applyAlignment="1">
      <alignment horizontal="left" vertical="center"/>
    </xf>
    <xf numFmtId="0" fontId="3" fillId="0" borderId="0" xfId="0" applyFont="1" applyBorder="1" applyAlignment="1">
      <alignment horizontal="center" vertical="center"/>
    </xf>
    <xf numFmtId="0" fontId="3" fillId="0" borderId="0" xfId="0" applyFont="1" applyBorder="1" applyAlignment="1">
      <alignment horizontal="left" vertical="center" wrapText="1"/>
    </xf>
    <xf numFmtId="0" fontId="3" fillId="0" borderId="25" xfId="0" applyFont="1" applyBorder="1" applyAlignment="1">
      <alignment horizontal="left" vertical="center" wrapText="1"/>
    </xf>
    <xf numFmtId="0" fontId="3" fillId="0" borderId="11" xfId="0" applyFont="1" applyBorder="1" applyAlignment="1">
      <alignment horizontal="left" vertical="top" wrapText="1"/>
    </xf>
    <xf numFmtId="0" fontId="3" fillId="0" borderId="12" xfId="0" applyFont="1" applyBorder="1" applyAlignment="1">
      <alignment horizontal="left" vertical="top" wrapText="1"/>
    </xf>
    <xf numFmtId="0" fontId="3" fillId="0" borderId="15" xfId="0" applyFont="1" applyBorder="1" applyAlignment="1">
      <alignment horizontal="left" vertical="top" wrapText="1"/>
    </xf>
    <xf numFmtId="0" fontId="3" fillId="0" borderId="0" xfId="0" applyFont="1" applyBorder="1" applyAlignment="1">
      <alignment vertical="center"/>
    </xf>
    <xf numFmtId="0" fontId="8" fillId="0" borderId="0" xfId="0" applyFont="1" applyAlignment="1">
      <alignment vertical="center"/>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27" xfId="0" applyFont="1" applyBorder="1" applyAlignment="1">
      <alignment horizontal="left" vertical="center" wrapText="1"/>
    </xf>
    <xf numFmtId="0" fontId="1" fillId="0" borderId="0" xfId="0" applyFont="1" applyFill="1" applyBorder="1" applyAlignment="1">
      <alignment horizontal="left" vertical="center" wrapText="1"/>
    </xf>
    <xf numFmtId="0" fontId="1" fillId="0" borderId="0" xfId="0" applyFont="1" applyBorder="1" applyAlignment="1">
      <alignment horizontal="left" vertical="center" wrapText="1"/>
    </xf>
    <xf numFmtId="0" fontId="1" fillId="0" borderId="0" xfId="0" applyFont="1" applyBorder="1" applyAlignment="1">
      <alignment horizontal="left" vertical="center"/>
    </xf>
    <xf numFmtId="0" fontId="1" fillId="0" borderId="10" xfId="0" applyFont="1" applyBorder="1" applyAlignment="1">
      <alignment horizontal="left" vertical="center"/>
    </xf>
    <xf numFmtId="0" fontId="3" fillId="0" borderId="30" xfId="0" applyFont="1" applyBorder="1" applyAlignment="1">
      <alignment horizontal="left" vertical="center" wrapText="1"/>
    </xf>
    <xf numFmtId="0" fontId="3" fillId="0" borderId="3" xfId="0" applyFont="1" applyBorder="1" applyAlignment="1">
      <alignment horizontal="center" vertical="center"/>
    </xf>
    <xf numFmtId="0" fontId="24" fillId="0" borderId="0" xfId="0" applyFont="1" applyAlignment="1">
      <alignment horizontal="left" vertical="center"/>
    </xf>
    <xf numFmtId="0" fontId="3" fillId="0" borderId="0" xfId="0" applyFont="1" applyBorder="1" applyAlignment="1">
      <alignment horizontal="left" vertical="center"/>
    </xf>
    <xf numFmtId="0" fontId="3" fillId="0" borderId="24" xfId="0" applyFont="1" applyBorder="1" applyAlignment="1">
      <alignment horizontal="left" vertical="center" wrapText="1"/>
    </xf>
    <xf numFmtId="0" fontId="1" fillId="0" borderId="0" xfId="0" applyFont="1" applyBorder="1" applyAlignment="1">
      <alignment horizontal="right"/>
    </xf>
    <xf numFmtId="0" fontId="3" fillId="0" borderId="0" xfId="0" applyFont="1" applyAlignment="1">
      <alignment horizontal="lef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621"/>
  <sheetViews>
    <sheetView tabSelected="1" view="pageBreakPreview" zoomScaleNormal="100" zoomScaleSheetLayoutView="100" workbookViewId="0">
      <selection activeCell="A2" sqref="A2:K2"/>
    </sheetView>
  </sheetViews>
  <sheetFormatPr defaultColWidth="9" defaultRowHeight="13.5" x14ac:dyDescent="0.15"/>
  <cols>
    <col min="1" max="1" width="10.25" style="1" customWidth="1"/>
    <col min="2" max="2" width="9.875" style="1" customWidth="1"/>
    <col min="3" max="5" width="7.125" style="1" customWidth="1"/>
    <col min="6" max="7" width="9" style="1"/>
    <col min="8" max="8" width="10.875" style="1" customWidth="1"/>
    <col min="9" max="9" width="11.75" style="1" customWidth="1"/>
    <col min="10" max="10" width="10.75" style="1" customWidth="1"/>
    <col min="11" max="11" width="12.125" style="3" customWidth="1"/>
    <col min="12" max="12" width="1.375" style="1" customWidth="1"/>
    <col min="13" max="16384" width="9" style="1"/>
  </cols>
  <sheetData>
    <row r="1" spans="1:12" ht="18" customHeight="1" x14ac:dyDescent="0.15">
      <c r="A1" s="125" t="s">
        <v>99</v>
      </c>
      <c r="B1" s="125"/>
      <c r="C1" s="125"/>
      <c r="D1" s="125"/>
      <c r="E1" s="125"/>
      <c r="F1" s="125"/>
      <c r="G1" s="125"/>
      <c r="H1" s="125"/>
      <c r="I1" s="125"/>
      <c r="J1" s="125"/>
      <c r="K1" s="125"/>
      <c r="L1" s="8"/>
    </row>
    <row r="2" spans="1:12" ht="50.25" customHeight="1" x14ac:dyDescent="0.15">
      <c r="A2" s="126" t="s">
        <v>104</v>
      </c>
      <c r="B2" s="127"/>
      <c r="C2" s="127"/>
      <c r="D2" s="127"/>
      <c r="E2" s="127"/>
      <c r="F2" s="127"/>
      <c r="G2" s="127"/>
      <c r="H2" s="127"/>
      <c r="I2" s="127"/>
      <c r="J2" s="127"/>
      <c r="K2" s="127"/>
      <c r="L2" s="8"/>
    </row>
    <row r="3" spans="1:12" ht="4.5" customHeight="1" x14ac:dyDescent="0.15">
      <c r="A3" s="6"/>
      <c r="B3" s="6"/>
      <c r="C3" s="6"/>
      <c r="D3" s="6"/>
      <c r="E3" s="6"/>
      <c r="F3" s="6"/>
      <c r="G3" s="6"/>
      <c r="H3" s="6"/>
      <c r="I3" s="6"/>
      <c r="J3" s="6"/>
      <c r="K3" s="7"/>
      <c r="L3" s="6"/>
    </row>
    <row r="4" spans="1:12" ht="18.75" customHeight="1" x14ac:dyDescent="0.15">
      <c r="A4" s="128" t="s">
        <v>17</v>
      </c>
      <c r="B4" s="128"/>
      <c r="C4" s="128"/>
      <c r="D4" s="128"/>
      <c r="E4" s="128"/>
      <c r="F4" s="128"/>
      <c r="G4" s="128"/>
      <c r="H4" s="128"/>
      <c r="I4" s="128"/>
      <c r="J4" s="128"/>
      <c r="K4" s="128"/>
      <c r="L4" s="6"/>
    </row>
    <row r="5" spans="1:12" ht="18.75" customHeight="1" x14ac:dyDescent="0.15">
      <c r="A5" s="103" t="s">
        <v>11</v>
      </c>
      <c r="B5" s="103"/>
      <c r="C5" s="103"/>
      <c r="D5" s="103"/>
      <c r="E5" s="103"/>
      <c r="F5" s="103"/>
      <c r="G5" s="103"/>
      <c r="H5" s="103"/>
      <c r="I5" s="103"/>
      <c r="J5" s="103"/>
      <c r="K5" s="103"/>
      <c r="L5" s="6"/>
    </row>
    <row r="6" spans="1:12" ht="17.25" customHeight="1" x14ac:dyDescent="0.15">
      <c r="A6" s="10"/>
      <c r="B6" s="10"/>
      <c r="C6" s="10"/>
      <c r="D6" s="10"/>
      <c r="E6" s="10"/>
      <c r="F6" s="100" t="s">
        <v>30</v>
      </c>
      <c r="G6" s="129" t="s">
        <v>94</v>
      </c>
      <c r="H6" s="129"/>
      <c r="I6" s="129"/>
      <c r="J6" s="129"/>
      <c r="K6" s="129"/>
      <c r="L6" s="6"/>
    </row>
    <row r="7" spans="1:12" ht="32.25" customHeight="1" x14ac:dyDescent="0.15">
      <c r="A7" s="8"/>
      <c r="B7" s="8"/>
      <c r="C7" s="8"/>
      <c r="D7" s="8"/>
      <c r="E7" s="8"/>
      <c r="F7" s="11" t="s">
        <v>14</v>
      </c>
      <c r="G7" s="103"/>
      <c r="H7" s="103"/>
      <c r="I7" s="103"/>
      <c r="J7" s="103"/>
      <c r="K7" s="103"/>
      <c r="L7" s="12"/>
    </row>
    <row r="8" spans="1:12" ht="15" customHeight="1" x14ac:dyDescent="0.15">
      <c r="A8" s="8"/>
      <c r="B8" s="8"/>
      <c r="C8" s="8"/>
      <c r="D8" s="8"/>
      <c r="E8" s="8"/>
      <c r="F8" s="11" t="s">
        <v>31</v>
      </c>
      <c r="G8" s="103"/>
      <c r="H8" s="103"/>
      <c r="I8" s="103"/>
      <c r="J8" s="103"/>
      <c r="K8" s="103"/>
      <c r="L8" s="12"/>
    </row>
    <row r="9" spans="1:12" ht="15" customHeight="1" x14ac:dyDescent="0.15">
      <c r="A9" s="6"/>
      <c r="B9" s="6"/>
      <c r="C9" s="6"/>
      <c r="D9" s="6"/>
      <c r="E9" s="6"/>
      <c r="F9" s="11" t="s">
        <v>32</v>
      </c>
      <c r="G9" s="103"/>
      <c r="H9" s="103"/>
      <c r="I9" s="103"/>
      <c r="J9" s="103"/>
      <c r="K9" s="103"/>
      <c r="L9" s="6"/>
    </row>
    <row r="10" spans="1:12" ht="17.25" customHeight="1" x14ac:dyDescent="0.15">
      <c r="A10" s="8"/>
      <c r="B10" s="8"/>
      <c r="C10" s="8"/>
      <c r="D10" s="8"/>
      <c r="E10" s="8"/>
      <c r="F10" s="11" t="s">
        <v>15</v>
      </c>
      <c r="G10" s="103"/>
      <c r="H10" s="103"/>
      <c r="I10" s="103"/>
      <c r="J10" s="103"/>
      <c r="K10" s="103"/>
      <c r="L10" s="12"/>
    </row>
    <row r="11" spans="1:12" ht="21.75" customHeight="1" x14ac:dyDescent="0.15">
      <c r="A11" s="8"/>
      <c r="B11" s="8"/>
      <c r="C11" s="8"/>
      <c r="D11" s="8"/>
      <c r="E11" s="8"/>
      <c r="F11" s="11" t="s">
        <v>16</v>
      </c>
      <c r="G11" s="151" t="s">
        <v>13</v>
      </c>
      <c r="H11" s="151"/>
      <c r="I11" s="151"/>
      <c r="J11" s="151"/>
      <c r="K11" s="151"/>
      <c r="L11" s="13"/>
    </row>
    <row r="12" spans="1:12" s="5" customFormat="1" ht="21.75" customHeight="1" x14ac:dyDescent="0.15">
      <c r="A12" s="8"/>
      <c r="B12" s="8"/>
      <c r="C12" s="8"/>
      <c r="D12" s="8"/>
      <c r="E12" s="8"/>
      <c r="F12" s="11"/>
      <c r="G12" s="151" t="s">
        <v>21</v>
      </c>
      <c r="H12" s="151"/>
      <c r="I12" s="151"/>
      <c r="J12" s="151"/>
      <c r="K12" s="151"/>
      <c r="L12" s="30"/>
    </row>
    <row r="13" spans="1:12" ht="21.75" customHeight="1" x14ac:dyDescent="0.15">
      <c r="A13" s="11"/>
      <c r="B13" s="11"/>
      <c r="C13" s="11"/>
      <c r="D13" s="11"/>
      <c r="E13" s="11"/>
      <c r="F13" s="11"/>
      <c r="G13" s="151" t="s">
        <v>0</v>
      </c>
      <c r="H13" s="151"/>
      <c r="I13" s="151"/>
      <c r="J13" s="151"/>
      <c r="K13" s="151"/>
      <c r="L13" s="15"/>
    </row>
    <row r="14" spans="1:12" ht="10.5" customHeight="1" x14ac:dyDescent="0.15">
      <c r="A14" s="11"/>
      <c r="B14" s="11"/>
      <c r="C14" s="11"/>
      <c r="D14" s="11"/>
      <c r="E14" s="11"/>
      <c r="F14" s="11"/>
      <c r="G14" s="8"/>
      <c r="H14" s="8"/>
      <c r="I14" s="8"/>
      <c r="J14" s="8"/>
      <c r="K14" s="9"/>
      <c r="L14" s="6"/>
    </row>
    <row r="15" spans="1:12" ht="20.25" customHeight="1" x14ac:dyDescent="0.15">
      <c r="A15" s="104" t="s">
        <v>1</v>
      </c>
      <c r="B15" s="104"/>
      <c r="C15" s="104"/>
      <c r="D15" s="104"/>
      <c r="E15" s="104"/>
      <c r="F15" s="104"/>
      <c r="G15" s="104"/>
      <c r="H15" s="104"/>
      <c r="I15" s="104"/>
      <c r="J15" s="104"/>
      <c r="K15" s="104"/>
      <c r="L15" s="104"/>
    </row>
    <row r="16" spans="1:12" ht="9.75" customHeight="1" x14ac:dyDescent="0.15">
      <c r="A16" s="6"/>
      <c r="B16" s="6"/>
      <c r="C16" s="6"/>
      <c r="D16" s="6"/>
      <c r="E16" s="6"/>
      <c r="F16" s="6"/>
      <c r="G16" s="6"/>
      <c r="H16" s="6"/>
      <c r="I16" s="6"/>
      <c r="J16" s="6"/>
      <c r="K16" s="7"/>
      <c r="L16" s="6"/>
    </row>
    <row r="17" spans="1:12" ht="18" customHeight="1" x14ac:dyDescent="0.15">
      <c r="A17" s="121" t="s">
        <v>2</v>
      </c>
      <c r="B17" s="121"/>
      <c r="C17" s="121"/>
      <c r="D17" s="121"/>
      <c r="E17" s="121"/>
      <c r="F17" s="121"/>
      <c r="G17" s="121"/>
      <c r="H17" s="121"/>
      <c r="I17" s="121"/>
      <c r="J17" s="121"/>
      <c r="K17" s="121"/>
      <c r="L17" s="8"/>
    </row>
    <row r="18" spans="1:12" s="5" customFormat="1" ht="18" customHeight="1" x14ac:dyDescent="0.15">
      <c r="A18" s="45"/>
      <c r="B18" s="45"/>
      <c r="C18" s="45"/>
      <c r="D18" s="45"/>
      <c r="E18" s="45"/>
      <c r="F18" s="45"/>
      <c r="G18" s="45"/>
      <c r="H18" s="45"/>
      <c r="I18" s="45"/>
      <c r="J18" s="45"/>
      <c r="K18" s="45"/>
      <c r="L18" s="8"/>
    </row>
    <row r="19" spans="1:12" ht="22.5" customHeight="1" x14ac:dyDescent="0.15">
      <c r="A19" s="109" t="s">
        <v>3</v>
      </c>
      <c r="B19" s="109"/>
      <c r="C19" s="109"/>
      <c r="D19" s="6"/>
      <c r="E19" s="6"/>
      <c r="F19" s="6"/>
      <c r="G19" s="6"/>
      <c r="H19" s="6"/>
      <c r="I19" s="6"/>
      <c r="J19" s="6"/>
      <c r="K19" s="7"/>
      <c r="L19" s="6"/>
    </row>
    <row r="20" spans="1:12" ht="22.5" customHeight="1" x14ac:dyDescent="0.15">
      <c r="A20" s="54" t="s">
        <v>4</v>
      </c>
      <c r="B20" s="110"/>
      <c r="C20" s="111"/>
      <c r="D20" s="111"/>
      <c r="E20" s="111"/>
      <c r="F20" s="112" t="s">
        <v>10</v>
      </c>
      <c r="G20" s="113"/>
      <c r="H20" s="149"/>
      <c r="I20" s="149"/>
      <c r="J20" s="149"/>
      <c r="K20" s="16" t="s">
        <v>5</v>
      </c>
      <c r="L20" s="6"/>
    </row>
    <row r="21" spans="1:12" ht="15.75" customHeight="1" x14ac:dyDescent="0.15">
      <c r="C21" s="6"/>
      <c r="D21" s="6"/>
      <c r="E21" s="6"/>
      <c r="F21" s="44" t="s">
        <v>40</v>
      </c>
      <c r="G21" s="36"/>
      <c r="H21" s="36"/>
      <c r="I21" s="36"/>
      <c r="J21" s="36"/>
      <c r="K21" s="7"/>
      <c r="L21" s="6"/>
    </row>
    <row r="22" spans="1:12" s="5" customFormat="1" ht="15.75" customHeight="1" x14ac:dyDescent="0.15">
      <c r="B22" s="6"/>
      <c r="C22" s="6"/>
      <c r="D22" s="6"/>
      <c r="E22" s="6"/>
      <c r="F22" s="44" t="s">
        <v>39</v>
      </c>
      <c r="G22" s="36"/>
      <c r="H22" s="36"/>
      <c r="I22" s="36"/>
      <c r="J22" s="36"/>
      <c r="K22" s="7"/>
      <c r="L22" s="6"/>
    </row>
    <row r="23" spans="1:12" ht="20.25" customHeight="1" x14ac:dyDescent="0.15">
      <c r="A23" s="109" t="s">
        <v>38</v>
      </c>
      <c r="B23" s="150"/>
      <c r="C23" s="150"/>
      <c r="D23" s="150"/>
      <c r="E23" s="150"/>
      <c r="F23" s="150"/>
      <c r="G23" s="150"/>
      <c r="H23" s="150"/>
      <c r="I23" s="150"/>
      <c r="J23" s="150"/>
      <c r="K23" s="150"/>
      <c r="L23" s="150"/>
    </row>
    <row r="24" spans="1:12" s="5" customFormat="1" ht="22.5" customHeight="1" thickBot="1" x14ac:dyDescent="0.2">
      <c r="A24" s="73" t="s">
        <v>81</v>
      </c>
      <c r="B24" s="61"/>
      <c r="C24" s="61"/>
      <c r="D24" s="61"/>
      <c r="E24" s="61"/>
      <c r="F24" s="61"/>
      <c r="G24" s="61"/>
      <c r="H24" s="61"/>
      <c r="I24" s="61"/>
      <c r="J24" s="61"/>
      <c r="K24" s="61"/>
      <c r="L24" s="61"/>
    </row>
    <row r="25" spans="1:12" ht="23.25" customHeight="1" thickBot="1" x14ac:dyDescent="0.2">
      <c r="A25" s="122" t="s">
        <v>42</v>
      </c>
      <c r="B25" s="123"/>
      <c r="C25" s="123"/>
      <c r="D25" s="123"/>
      <c r="E25" s="123"/>
      <c r="F25" s="123"/>
      <c r="G25" s="123"/>
      <c r="H25" s="123"/>
      <c r="I25" s="123"/>
      <c r="J25" s="124"/>
      <c r="K25" s="43"/>
      <c r="L25" s="6"/>
    </row>
    <row r="26" spans="1:12" s="5" customFormat="1" ht="14.25" customHeight="1" thickBot="1" x14ac:dyDescent="0.2">
      <c r="A26" s="41"/>
      <c r="B26" s="41"/>
      <c r="C26" s="41"/>
      <c r="D26" s="41"/>
      <c r="E26" s="41"/>
      <c r="F26" s="41"/>
      <c r="G26" s="57"/>
      <c r="H26" s="41"/>
      <c r="I26" s="41"/>
      <c r="J26" s="41"/>
      <c r="K26" s="50" t="s">
        <v>37</v>
      </c>
      <c r="L26" s="36"/>
    </row>
    <row r="27" spans="1:12" ht="22.5" customHeight="1" thickBot="1" x14ac:dyDescent="0.2">
      <c r="A27" s="105" t="s">
        <v>22</v>
      </c>
      <c r="B27" s="105"/>
      <c r="C27" s="105"/>
      <c r="D27" s="105"/>
      <c r="E27" s="105"/>
      <c r="F27" s="105"/>
      <c r="G27" s="105"/>
      <c r="H27" s="105"/>
      <c r="I27" s="18"/>
      <c r="J27" s="18"/>
      <c r="K27" s="19"/>
      <c r="L27" s="6"/>
    </row>
    <row r="28" spans="1:12" ht="22.5" customHeight="1" thickBot="1" x14ac:dyDescent="0.2">
      <c r="A28" s="105" t="s">
        <v>23</v>
      </c>
      <c r="B28" s="105"/>
      <c r="C28" s="105"/>
      <c r="D28" s="105"/>
      <c r="E28" s="105"/>
      <c r="F28" s="105"/>
      <c r="G28" s="105"/>
      <c r="H28" s="105"/>
      <c r="I28" s="20"/>
      <c r="J28" s="20"/>
      <c r="K28" s="23"/>
      <c r="L28" s="6"/>
    </row>
    <row r="29" spans="1:12" ht="27.75" customHeight="1" thickBot="1" x14ac:dyDescent="0.2">
      <c r="A29" s="153" t="s">
        <v>36</v>
      </c>
      <c r="B29" s="153"/>
      <c r="C29" s="153"/>
      <c r="D29" s="153"/>
      <c r="E29" s="153"/>
      <c r="F29" s="153"/>
      <c r="G29" s="153"/>
      <c r="H29" s="153"/>
      <c r="I29" s="153"/>
      <c r="J29" s="153"/>
      <c r="K29" s="153"/>
      <c r="L29" s="6"/>
    </row>
    <row r="30" spans="1:12" ht="22.5" customHeight="1" thickBot="1" x14ac:dyDescent="0.2">
      <c r="A30" s="21"/>
      <c r="B30" s="114" t="s">
        <v>24</v>
      </c>
      <c r="C30" s="115"/>
      <c r="D30" s="115"/>
      <c r="E30" s="115"/>
      <c r="F30" s="115"/>
      <c r="G30" s="115"/>
      <c r="H30" s="115"/>
      <c r="I30" s="115"/>
      <c r="J30" s="152"/>
      <c r="K30" s="19"/>
      <c r="L30" s="6"/>
    </row>
    <row r="31" spans="1:12" ht="36" customHeight="1" thickBot="1" x14ac:dyDescent="0.2">
      <c r="A31" s="21"/>
      <c r="B31" s="106" t="s">
        <v>98</v>
      </c>
      <c r="C31" s="107"/>
      <c r="D31" s="107"/>
      <c r="E31" s="107"/>
      <c r="F31" s="107"/>
      <c r="G31" s="107"/>
      <c r="H31" s="107"/>
      <c r="I31" s="107"/>
      <c r="J31" s="108"/>
      <c r="K31" s="19"/>
      <c r="L31" s="6"/>
    </row>
    <row r="32" spans="1:12" ht="20.25" customHeight="1" thickBot="1" x14ac:dyDescent="0.2">
      <c r="A32" s="21"/>
      <c r="B32" s="106" t="s">
        <v>25</v>
      </c>
      <c r="C32" s="107"/>
      <c r="D32" s="107"/>
      <c r="E32" s="107"/>
      <c r="F32" s="107"/>
      <c r="G32" s="107"/>
      <c r="H32" s="107"/>
      <c r="I32" s="107"/>
      <c r="J32" s="107"/>
      <c r="K32" s="23"/>
      <c r="L32" s="6"/>
    </row>
    <row r="33" spans="1:12" ht="58.5" customHeight="1" x14ac:dyDescent="0.15">
      <c r="A33" s="21"/>
      <c r="B33" s="136" t="s">
        <v>26</v>
      </c>
      <c r="C33" s="137"/>
      <c r="D33" s="137"/>
      <c r="E33" s="137"/>
      <c r="F33" s="137"/>
      <c r="G33" s="137"/>
      <c r="H33" s="137"/>
      <c r="I33" s="137"/>
      <c r="J33" s="137"/>
      <c r="K33" s="138"/>
      <c r="L33" s="18"/>
    </row>
    <row r="34" spans="1:12" s="5" customFormat="1" ht="12" customHeight="1" thickBot="1" x14ac:dyDescent="0.2">
      <c r="A34" s="21"/>
      <c r="B34" s="22"/>
      <c r="C34" s="22"/>
      <c r="D34" s="22"/>
      <c r="E34" s="22"/>
      <c r="F34" s="22"/>
      <c r="G34" s="22"/>
      <c r="H34" s="22"/>
      <c r="I34" s="22"/>
      <c r="J34" s="22"/>
      <c r="K34" s="22"/>
      <c r="L34" s="18"/>
    </row>
    <row r="35" spans="1:12" ht="23.25" customHeight="1" thickBot="1" x14ac:dyDescent="0.2">
      <c r="A35" s="118" t="s">
        <v>43</v>
      </c>
      <c r="B35" s="119"/>
      <c r="C35" s="119"/>
      <c r="D35" s="119"/>
      <c r="E35" s="119"/>
      <c r="F35" s="119"/>
      <c r="G35" s="119"/>
      <c r="H35" s="119"/>
      <c r="I35" s="119"/>
      <c r="J35" s="120"/>
      <c r="K35" s="42"/>
      <c r="L35" s="6"/>
    </row>
    <row r="36" spans="1:12" s="5" customFormat="1" ht="14.25" customHeight="1" thickBot="1" x14ac:dyDescent="0.2">
      <c r="A36" s="48"/>
      <c r="B36" s="48"/>
      <c r="C36" s="48"/>
      <c r="D36" s="48"/>
      <c r="E36" s="48"/>
      <c r="F36" s="48"/>
      <c r="G36" s="56"/>
      <c r="H36" s="48"/>
      <c r="I36" s="48"/>
      <c r="J36" s="48"/>
      <c r="K36" s="49" t="s">
        <v>37</v>
      </c>
      <c r="L36" s="36"/>
    </row>
    <row r="37" spans="1:12" ht="21.75" customHeight="1" thickBot="1" x14ac:dyDescent="0.2">
      <c r="A37" s="105" t="s">
        <v>27</v>
      </c>
      <c r="B37" s="105"/>
      <c r="C37" s="105"/>
      <c r="D37" s="105"/>
      <c r="E37" s="105"/>
      <c r="F37" s="105"/>
      <c r="G37" s="105"/>
      <c r="H37" s="105"/>
      <c r="I37" s="18"/>
      <c r="J37" s="18"/>
      <c r="K37" s="19"/>
      <c r="L37" s="6"/>
    </row>
    <row r="38" spans="1:12" ht="21.75" customHeight="1" thickBot="1" x14ac:dyDescent="0.2">
      <c r="A38" s="154" t="s">
        <v>28</v>
      </c>
      <c r="B38" s="154"/>
      <c r="C38" s="154"/>
      <c r="D38" s="154"/>
      <c r="E38" s="154"/>
      <c r="F38" s="154"/>
      <c r="G38" s="154"/>
      <c r="H38" s="154"/>
      <c r="I38" s="154"/>
      <c r="J38" s="18"/>
      <c r="K38" s="19"/>
      <c r="L38" s="6"/>
    </row>
    <row r="39" spans="1:12" ht="21.75" customHeight="1" thickBot="1" x14ac:dyDescent="0.2">
      <c r="A39" s="105" t="s">
        <v>29</v>
      </c>
      <c r="B39" s="105"/>
      <c r="C39" s="105"/>
      <c r="D39" s="105"/>
      <c r="E39" s="105"/>
      <c r="F39" s="105"/>
      <c r="G39" s="105"/>
      <c r="H39" s="105"/>
      <c r="I39" s="18"/>
      <c r="J39" s="18"/>
      <c r="K39" s="23"/>
      <c r="L39" s="6"/>
    </row>
    <row r="40" spans="1:12" ht="41.25" customHeight="1" x14ac:dyDescent="0.15">
      <c r="A40" s="151" t="s">
        <v>18</v>
      </c>
      <c r="B40" s="151"/>
      <c r="C40" s="151"/>
      <c r="D40" s="151"/>
      <c r="E40" s="151"/>
      <c r="F40" s="151"/>
      <c r="G40" s="151"/>
      <c r="H40" s="151"/>
      <c r="I40" s="151"/>
      <c r="J40" s="151"/>
      <c r="K40" s="151"/>
      <c r="L40" s="6"/>
    </row>
    <row r="41" spans="1:12" s="5" customFormat="1" ht="12" customHeight="1" x14ac:dyDescent="0.15">
      <c r="A41" s="14"/>
      <c r="B41" s="14"/>
      <c r="C41" s="14"/>
      <c r="D41" s="14"/>
      <c r="E41" s="14"/>
      <c r="F41" s="14"/>
      <c r="G41" s="14"/>
      <c r="H41" s="14"/>
      <c r="I41" s="14"/>
      <c r="J41" s="14"/>
      <c r="K41" s="14"/>
      <c r="L41" s="6"/>
    </row>
    <row r="42" spans="1:12" s="5" customFormat="1" ht="14.25" customHeight="1" thickBot="1" x14ac:dyDescent="0.2">
      <c r="A42" s="133" t="s">
        <v>50</v>
      </c>
      <c r="B42" s="133"/>
      <c r="C42" s="133"/>
      <c r="D42" s="133"/>
      <c r="E42" s="133"/>
      <c r="F42" s="133"/>
      <c r="G42" s="133"/>
      <c r="H42" s="133"/>
      <c r="I42" s="133"/>
      <c r="J42" s="133"/>
      <c r="K42" s="133"/>
      <c r="L42" s="6"/>
    </row>
    <row r="43" spans="1:12" s="5" customFormat="1" ht="29.25" customHeight="1" thickBot="1" x14ac:dyDescent="0.2">
      <c r="A43" s="118" t="s">
        <v>44</v>
      </c>
      <c r="B43" s="119"/>
      <c r="C43" s="119"/>
      <c r="D43" s="119"/>
      <c r="E43" s="119"/>
      <c r="F43" s="119"/>
      <c r="G43" s="119"/>
      <c r="H43" s="119"/>
      <c r="I43" s="119"/>
      <c r="J43" s="120"/>
      <c r="K43" s="14"/>
      <c r="L43" s="6"/>
    </row>
    <row r="44" spans="1:12" ht="12" customHeight="1" thickBot="1" x14ac:dyDescent="0.2">
      <c r="E44" s="55"/>
      <c r="K44" s="52" t="s">
        <v>12</v>
      </c>
      <c r="L44" s="6"/>
    </row>
    <row r="45" spans="1:12" ht="22.5" customHeight="1" thickBot="1" x14ac:dyDescent="0.2">
      <c r="A45" s="154" t="s">
        <v>97</v>
      </c>
      <c r="B45" s="154"/>
      <c r="C45" s="154"/>
      <c r="D45" s="154"/>
      <c r="E45" s="154"/>
      <c r="F45" s="154"/>
      <c r="G45" s="154"/>
      <c r="H45" s="154"/>
      <c r="I45" s="18"/>
      <c r="J45" s="18"/>
      <c r="K45" s="19"/>
      <c r="L45" s="6"/>
    </row>
    <row r="46" spans="1:12" ht="22.5" customHeight="1" thickBot="1" x14ac:dyDescent="0.2">
      <c r="A46" s="101" t="s">
        <v>95</v>
      </c>
      <c r="B46" s="101"/>
      <c r="C46" s="101"/>
      <c r="D46" s="101"/>
      <c r="E46" s="101" t="s">
        <v>100</v>
      </c>
      <c r="F46" s="101"/>
      <c r="G46" s="101"/>
      <c r="H46" s="101"/>
      <c r="I46" s="18"/>
      <c r="J46" s="18"/>
      <c r="K46" s="19"/>
      <c r="L46" s="6"/>
    </row>
    <row r="47" spans="1:12" ht="24" customHeight="1" thickBot="1" x14ac:dyDescent="0.2">
      <c r="A47" s="8" t="s">
        <v>96</v>
      </c>
      <c r="B47" s="8"/>
      <c r="C47" s="8"/>
      <c r="D47" s="8"/>
      <c r="E47" s="8"/>
      <c r="F47" s="8"/>
      <c r="G47" s="8"/>
      <c r="H47" s="8"/>
      <c r="I47" s="18"/>
      <c r="J47" s="18"/>
      <c r="K47" s="19"/>
      <c r="L47" s="6"/>
    </row>
    <row r="48" spans="1:12" ht="24.75" customHeight="1" thickBot="1" x14ac:dyDescent="0.2">
      <c r="A48" s="105" t="s">
        <v>75</v>
      </c>
      <c r="B48" s="105"/>
      <c r="C48" s="105"/>
      <c r="D48" s="105"/>
      <c r="E48" s="105"/>
      <c r="F48" s="105"/>
      <c r="G48" s="105"/>
      <c r="H48" s="105"/>
      <c r="I48" s="105"/>
      <c r="J48" s="105"/>
      <c r="K48" s="23"/>
      <c r="L48" s="6"/>
    </row>
    <row r="49" spans="1:13" s="5" customFormat="1" ht="24.75" customHeight="1" thickBot="1" x14ac:dyDescent="0.2">
      <c r="A49" s="105" t="s">
        <v>88</v>
      </c>
      <c r="B49" s="105"/>
      <c r="C49" s="105"/>
      <c r="D49" s="105"/>
      <c r="E49" s="105"/>
      <c r="F49" s="105"/>
      <c r="G49" s="105"/>
      <c r="H49" s="105"/>
      <c r="I49" s="105"/>
      <c r="J49" s="105"/>
      <c r="K49" s="71" t="s">
        <v>63</v>
      </c>
      <c r="L49" s="29"/>
    </row>
    <row r="50" spans="1:13" s="5" customFormat="1" ht="24" customHeight="1" thickBot="1" x14ac:dyDescent="0.2">
      <c r="A50" s="47" t="s">
        <v>8</v>
      </c>
      <c r="B50" s="47" t="s">
        <v>92</v>
      </c>
      <c r="C50" s="47"/>
      <c r="D50" s="47"/>
      <c r="E50" s="47"/>
      <c r="F50" s="47"/>
      <c r="G50" s="47"/>
      <c r="H50" s="47"/>
      <c r="I50" s="47"/>
      <c r="J50" s="47"/>
      <c r="K50" s="47"/>
      <c r="L50" s="29"/>
    </row>
    <row r="51" spans="1:13" s="5" customFormat="1" ht="21.75" customHeight="1" thickBot="1" x14ac:dyDescent="0.2">
      <c r="B51" s="83" t="s">
        <v>64</v>
      </c>
      <c r="C51" s="84"/>
      <c r="D51" s="84"/>
      <c r="E51" s="84"/>
      <c r="F51" s="84"/>
      <c r="G51" s="84"/>
      <c r="H51" s="84"/>
      <c r="I51" s="84"/>
      <c r="J51" s="85"/>
      <c r="K51" s="19"/>
      <c r="L51" s="36"/>
    </row>
    <row r="52" spans="1:13" s="5" customFormat="1" ht="21.75" customHeight="1" thickBot="1" x14ac:dyDescent="0.2">
      <c r="B52" s="86" t="s">
        <v>93</v>
      </c>
      <c r="C52" s="87"/>
      <c r="D52" s="87"/>
      <c r="E52" s="87"/>
      <c r="F52" s="87"/>
      <c r="G52" s="87"/>
      <c r="H52" s="87"/>
      <c r="I52" s="87"/>
      <c r="J52" s="88"/>
      <c r="K52" s="19"/>
      <c r="L52" s="36"/>
    </row>
    <row r="53" spans="1:13" s="5" customFormat="1" ht="21.75" customHeight="1" thickBot="1" x14ac:dyDescent="0.2">
      <c r="B53" s="86" t="s">
        <v>65</v>
      </c>
      <c r="C53" s="87"/>
      <c r="D53" s="87"/>
      <c r="E53" s="87"/>
      <c r="F53" s="87"/>
      <c r="G53" s="87"/>
      <c r="H53" s="87"/>
      <c r="I53" s="87"/>
      <c r="J53" s="88"/>
      <c r="K53" s="23"/>
      <c r="L53" s="36"/>
    </row>
    <row r="54" spans="1:13" ht="21.75" customHeight="1" x14ac:dyDescent="0.15">
      <c r="B54" s="62" t="s">
        <v>51</v>
      </c>
      <c r="C54" s="46"/>
      <c r="D54" s="46"/>
      <c r="E54" s="46"/>
      <c r="F54" s="46"/>
      <c r="G54" s="46"/>
      <c r="H54" s="46"/>
      <c r="I54" s="46"/>
      <c r="J54" s="46"/>
      <c r="K54" s="63"/>
      <c r="L54" s="6"/>
    </row>
    <row r="55" spans="1:13" ht="38.25" customHeight="1" x14ac:dyDescent="0.15">
      <c r="A55" s="21"/>
      <c r="B55" s="64"/>
      <c r="C55" s="65"/>
      <c r="D55" s="65"/>
      <c r="E55" s="65"/>
      <c r="F55" s="65"/>
      <c r="G55" s="65"/>
      <c r="H55" s="65"/>
      <c r="I55" s="65"/>
      <c r="J55" s="65"/>
      <c r="K55" s="66"/>
      <c r="L55" s="6"/>
    </row>
    <row r="56" spans="1:13" s="5" customFormat="1" ht="12" customHeight="1" thickBot="1" x14ac:dyDescent="0.2">
      <c r="A56" s="39"/>
      <c r="B56" s="39"/>
      <c r="C56" s="39"/>
      <c r="D56" s="39"/>
      <c r="E56" s="39"/>
      <c r="F56" s="39"/>
      <c r="G56" s="39"/>
      <c r="H56" s="39"/>
      <c r="I56" s="39"/>
      <c r="J56" s="39"/>
      <c r="K56" s="39"/>
      <c r="L56" s="36"/>
    </row>
    <row r="57" spans="1:13" ht="27.75" customHeight="1" thickBot="1" x14ac:dyDescent="0.2">
      <c r="A57" s="122" t="s">
        <v>48</v>
      </c>
      <c r="B57" s="123"/>
      <c r="C57" s="123"/>
      <c r="D57" s="123"/>
      <c r="E57" s="123"/>
      <c r="F57" s="123"/>
      <c r="G57" s="123"/>
      <c r="H57" s="123"/>
      <c r="I57" s="123"/>
      <c r="J57" s="124"/>
      <c r="K57" s="7"/>
      <c r="L57" s="6"/>
    </row>
    <row r="58" spans="1:13" s="5" customFormat="1" ht="14.25" customHeight="1" thickBot="1" x14ac:dyDescent="0.2">
      <c r="A58" s="41"/>
      <c r="B58" s="41"/>
      <c r="C58" s="41"/>
      <c r="D58" s="41"/>
      <c r="E58" s="41"/>
      <c r="F58" s="41"/>
      <c r="G58" s="58"/>
      <c r="H58" s="41"/>
      <c r="I58" s="41"/>
      <c r="J58" s="41"/>
      <c r="K58" s="51" t="s">
        <v>37</v>
      </c>
      <c r="L58" s="36"/>
    </row>
    <row r="59" spans="1:13" ht="19.7" customHeight="1" thickBot="1" x14ac:dyDescent="0.2">
      <c r="A59" s="6" t="s">
        <v>58</v>
      </c>
      <c r="B59" s="6"/>
      <c r="C59" s="6"/>
      <c r="D59" s="6"/>
      <c r="E59" s="6"/>
      <c r="F59" s="6"/>
      <c r="G59" s="6"/>
      <c r="H59" s="6"/>
      <c r="I59" s="18"/>
      <c r="J59" s="18"/>
      <c r="K59" s="19"/>
      <c r="L59" s="6"/>
    </row>
    <row r="60" spans="1:13" ht="19.7" customHeight="1" thickBot="1" x14ac:dyDescent="0.2">
      <c r="A60" s="105" t="s">
        <v>59</v>
      </c>
      <c r="B60" s="105"/>
      <c r="C60" s="105"/>
      <c r="D60" s="105"/>
      <c r="E60" s="105"/>
      <c r="F60" s="105"/>
      <c r="G60" s="105"/>
      <c r="H60" s="20"/>
      <c r="I60" s="18"/>
      <c r="J60" s="18"/>
      <c r="K60" s="23"/>
      <c r="L60" s="6"/>
    </row>
    <row r="61" spans="1:13" ht="19.7" customHeight="1" thickBot="1" x14ac:dyDescent="0.2">
      <c r="A61" s="21"/>
      <c r="B61" s="134" t="s">
        <v>19</v>
      </c>
      <c r="C61" s="134"/>
      <c r="D61" s="134"/>
      <c r="E61" s="134"/>
      <c r="F61" s="134"/>
      <c r="G61" s="134"/>
      <c r="H61" s="134"/>
      <c r="I61" s="134"/>
      <c r="J61" s="134"/>
      <c r="K61" s="134"/>
      <c r="L61" s="6"/>
    </row>
    <row r="62" spans="1:13" ht="20.25" customHeight="1" thickBot="1" x14ac:dyDescent="0.2">
      <c r="A62" s="21"/>
      <c r="B62" s="114" t="s">
        <v>33</v>
      </c>
      <c r="C62" s="115"/>
      <c r="D62" s="115"/>
      <c r="E62" s="115"/>
      <c r="F62" s="115"/>
      <c r="G62" s="115"/>
      <c r="H62" s="115"/>
      <c r="I62" s="115"/>
      <c r="J62" s="152"/>
      <c r="K62" s="19"/>
      <c r="L62" s="6"/>
    </row>
    <row r="63" spans="1:13" ht="21.75" customHeight="1" thickBot="1" x14ac:dyDescent="0.2">
      <c r="A63" s="21"/>
      <c r="B63" s="106" t="s">
        <v>34</v>
      </c>
      <c r="C63" s="107"/>
      <c r="D63" s="107"/>
      <c r="E63" s="107"/>
      <c r="F63" s="107"/>
      <c r="G63" s="107"/>
      <c r="H63" s="107"/>
      <c r="I63" s="107"/>
      <c r="J63" s="108"/>
      <c r="K63" s="23"/>
      <c r="L63" s="6"/>
    </row>
    <row r="64" spans="1:13" ht="51.75" customHeight="1" x14ac:dyDescent="0.15">
      <c r="A64" s="21"/>
      <c r="B64" s="116" t="s">
        <v>35</v>
      </c>
      <c r="C64" s="117"/>
      <c r="D64" s="117"/>
      <c r="E64" s="117"/>
      <c r="F64" s="117"/>
      <c r="G64" s="117"/>
      <c r="H64" s="117"/>
      <c r="I64" s="117"/>
      <c r="J64" s="117"/>
      <c r="K64" s="138"/>
      <c r="L64" s="18"/>
      <c r="M64" s="2"/>
    </row>
    <row r="65" spans="1:13" ht="16.5" customHeight="1" thickBot="1" x14ac:dyDescent="0.2">
      <c r="A65" s="21"/>
      <c r="B65" s="22"/>
      <c r="C65" s="22"/>
      <c r="D65" s="22"/>
      <c r="E65" s="22"/>
      <c r="F65" s="22"/>
      <c r="G65" s="22"/>
      <c r="H65" s="22"/>
      <c r="I65" s="22"/>
      <c r="J65" s="22"/>
      <c r="K65" s="22"/>
      <c r="L65" s="18"/>
      <c r="M65" s="2"/>
    </row>
    <row r="66" spans="1:13" ht="30.75" customHeight="1" thickBot="1" x14ac:dyDescent="0.2">
      <c r="A66" s="118" t="s">
        <v>49</v>
      </c>
      <c r="B66" s="119"/>
      <c r="C66" s="119"/>
      <c r="D66" s="119"/>
      <c r="E66" s="119"/>
      <c r="F66" s="119"/>
      <c r="G66" s="119"/>
      <c r="H66" s="119"/>
      <c r="I66" s="119"/>
      <c r="J66" s="120"/>
      <c r="L66" s="6"/>
    </row>
    <row r="67" spans="1:13" s="5" customFormat="1" ht="15.75" customHeight="1" thickBot="1" x14ac:dyDescent="0.2">
      <c r="A67" s="48"/>
      <c r="B67" s="48"/>
      <c r="C67" s="48"/>
      <c r="D67" s="48"/>
      <c r="E67" s="48"/>
      <c r="G67" s="59"/>
      <c r="H67" s="48"/>
      <c r="I67" s="48"/>
      <c r="J67" s="48"/>
      <c r="K67" s="50" t="s">
        <v>37</v>
      </c>
      <c r="L67" s="36"/>
    </row>
    <row r="68" spans="1:13" ht="27" customHeight="1" thickBot="1" x14ac:dyDescent="0.2">
      <c r="A68" s="105" t="s">
        <v>103</v>
      </c>
      <c r="B68" s="105"/>
      <c r="C68" s="105"/>
      <c r="D68" s="105"/>
      <c r="E68" s="105"/>
      <c r="F68" s="105"/>
      <c r="G68" s="105"/>
      <c r="H68" s="105"/>
      <c r="I68" s="105"/>
      <c r="J68" s="134"/>
      <c r="K68" s="23"/>
      <c r="L68" s="6"/>
    </row>
    <row r="69" spans="1:13" s="5" customFormat="1" ht="17.25" customHeight="1" thickBot="1" x14ac:dyDescent="0.2">
      <c r="A69" s="38"/>
      <c r="B69" s="134" t="s">
        <v>52</v>
      </c>
      <c r="C69" s="134"/>
      <c r="D69" s="134"/>
      <c r="E69" s="134"/>
      <c r="F69" s="134"/>
      <c r="G69" s="134"/>
      <c r="H69" s="134"/>
      <c r="I69" s="134"/>
      <c r="J69" s="134"/>
      <c r="K69" s="134"/>
      <c r="L69" s="36"/>
    </row>
    <row r="70" spans="1:13" ht="19.7" customHeight="1" thickBot="1" x14ac:dyDescent="0.2">
      <c r="A70" s="26"/>
      <c r="B70" s="114" t="s">
        <v>66</v>
      </c>
      <c r="C70" s="115"/>
      <c r="D70" s="115"/>
      <c r="E70" s="115"/>
      <c r="F70" s="115"/>
      <c r="G70" s="115"/>
      <c r="H70" s="115"/>
      <c r="I70" s="115"/>
      <c r="J70" s="77"/>
      <c r="K70" s="19"/>
      <c r="L70" s="6"/>
    </row>
    <row r="71" spans="1:13" ht="19.7" customHeight="1" thickBot="1" x14ac:dyDescent="0.2">
      <c r="A71" s="26"/>
      <c r="B71" s="106" t="s">
        <v>67</v>
      </c>
      <c r="C71" s="107"/>
      <c r="D71" s="107"/>
      <c r="E71" s="107"/>
      <c r="F71" s="107"/>
      <c r="G71" s="107"/>
      <c r="H71" s="107"/>
      <c r="I71" s="107"/>
      <c r="J71" s="90"/>
      <c r="K71" s="19"/>
      <c r="L71" s="6"/>
    </row>
    <row r="72" spans="1:13" ht="19.7" customHeight="1" thickBot="1" x14ac:dyDescent="0.2">
      <c r="A72" s="26"/>
      <c r="B72" s="106" t="s">
        <v>68</v>
      </c>
      <c r="C72" s="107"/>
      <c r="D72" s="107"/>
      <c r="E72" s="107"/>
      <c r="F72" s="107"/>
      <c r="G72" s="107"/>
      <c r="H72" s="107"/>
      <c r="I72" s="107"/>
      <c r="J72" s="90"/>
      <c r="K72" s="19"/>
      <c r="L72" s="6"/>
    </row>
    <row r="73" spans="1:13" ht="48" customHeight="1" x14ac:dyDescent="0.15">
      <c r="A73" s="26"/>
      <c r="B73" s="116" t="s">
        <v>55</v>
      </c>
      <c r="C73" s="117"/>
      <c r="D73" s="117"/>
      <c r="E73" s="117"/>
      <c r="F73" s="117"/>
      <c r="G73" s="117"/>
      <c r="H73" s="117"/>
      <c r="I73" s="117"/>
      <c r="J73" s="89"/>
      <c r="K73" s="69"/>
      <c r="L73" s="6"/>
    </row>
    <row r="74" spans="1:13" s="5" customFormat="1" ht="12.75" customHeight="1" thickBot="1" x14ac:dyDescent="0.2">
      <c r="A74" s="26"/>
      <c r="B74" s="26"/>
      <c r="C74" s="26"/>
      <c r="D74" s="26"/>
      <c r="E74" s="26"/>
      <c r="F74" s="26"/>
      <c r="G74" s="26"/>
      <c r="H74" s="26"/>
      <c r="I74" s="26"/>
      <c r="J74" s="24"/>
      <c r="K74" s="25"/>
      <c r="L74" s="29"/>
    </row>
    <row r="75" spans="1:13" ht="23.25" customHeight="1" thickBot="1" x14ac:dyDescent="0.2">
      <c r="A75" s="105" t="s">
        <v>102</v>
      </c>
      <c r="B75" s="105"/>
      <c r="C75" s="105"/>
      <c r="D75" s="105"/>
      <c r="E75" s="105"/>
      <c r="F75" s="105"/>
      <c r="G75" s="105"/>
      <c r="H75" s="105"/>
      <c r="I75" s="105"/>
      <c r="J75" s="135"/>
      <c r="K75" s="23"/>
      <c r="L75" s="6"/>
    </row>
    <row r="76" spans="1:13" s="5" customFormat="1" ht="16.5" customHeight="1" thickBot="1" x14ac:dyDescent="0.2">
      <c r="A76" s="38"/>
      <c r="B76" s="134" t="s">
        <v>53</v>
      </c>
      <c r="C76" s="134"/>
      <c r="D76" s="134"/>
      <c r="E76" s="134"/>
      <c r="F76" s="134"/>
      <c r="G76" s="134"/>
      <c r="H76" s="134"/>
      <c r="I76" s="134"/>
      <c r="J76" s="134"/>
      <c r="K76" s="134"/>
      <c r="L76" s="36"/>
    </row>
    <row r="77" spans="1:13" ht="19.7" customHeight="1" thickBot="1" x14ac:dyDescent="0.2">
      <c r="A77" s="26"/>
      <c r="B77" s="114" t="s">
        <v>69</v>
      </c>
      <c r="C77" s="115"/>
      <c r="D77" s="115"/>
      <c r="E77" s="115"/>
      <c r="F77" s="115"/>
      <c r="G77" s="115"/>
      <c r="H77" s="115"/>
      <c r="I77" s="115"/>
      <c r="J77" s="91"/>
      <c r="K77" s="19"/>
      <c r="L77" s="6"/>
    </row>
    <row r="78" spans="1:13" ht="19.7" customHeight="1" thickBot="1" x14ac:dyDescent="0.2">
      <c r="A78" s="26"/>
      <c r="B78" s="131" t="s">
        <v>70</v>
      </c>
      <c r="C78" s="132"/>
      <c r="D78" s="132"/>
      <c r="E78" s="132"/>
      <c r="F78" s="132"/>
      <c r="G78" s="132"/>
      <c r="H78" s="132"/>
      <c r="I78" s="132"/>
      <c r="J78" s="92"/>
      <c r="K78" s="19"/>
      <c r="L78" s="6"/>
    </row>
    <row r="79" spans="1:13" ht="19.7" customHeight="1" thickBot="1" x14ac:dyDescent="0.2">
      <c r="A79" s="26"/>
      <c r="B79" s="106" t="s">
        <v>71</v>
      </c>
      <c r="C79" s="107"/>
      <c r="D79" s="107"/>
      <c r="E79" s="107"/>
      <c r="F79" s="107"/>
      <c r="G79" s="107"/>
      <c r="H79" s="107"/>
      <c r="I79" s="107"/>
      <c r="J79" s="108"/>
      <c r="K79" s="19"/>
      <c r="L79" s="6"/>
    </row>
    <row r="80" spans="1:13" ht="19.7" customHeight="1" thickBot="1" x14ac:dyDescent="0.2">
      <c r="A80" s="26"/>
      <c r="B80" s="106" t="s">
        <v>72</v>
      </c>
      <c r="C80" s="107"/>
      <c r="D80" s="107"/>
      <c r="E80" s="107"/>
      <c r="F80" s="107"/>
      <c r="G80" s="107"/>
      <c r="H80" s="107"/>
      <c r="I80" s="107"/>
      <c r="J80" s="92"/>
      <c r="K80" s="19"/>
      <c r="L80" s="6"/>
    </row>
    <row r="81" spans="1:14" ht="45" customHeight="1" x14ac:dyDescent="0.15">
      <c r="A81" s="26"/>
      <c r="B81" s="136" t="s">
        <v>54</v>
      </c>
      <c r="C81" s="137"/>
      <c r="D81" s="137"/>
      <c r="E81" s="137"/>
      <c r="F81" s="137"/>
      <c r="G81" s="137"/>
      <c r="H81" s="137"/>
      <c r="I81" s="137"/>
      <c r="J81" s="68"/>
      <c r="K81" s="69"/>
      <c r="L81" s="6"/>
    </row>
    <row r="82" spans="1:14" s="5" customFormat="1" ht="21.75" customHeight="1" thickBot="1" x14ac:dyDescent="0.2">
      <c r="A82" s="102" t="s">
        <v>20</v>
      </c>
      <c r="B82" s="102"/>
      <c r="C82" s="102"/>
      <c r="D82" s="102"/>
      <c r="E82" s="102"/>
      <c r="F82" s="102"/>
      <c r="G82" s="102"/>
      <c r="H82" s="102"/>
      <c r="I82" s="102"/>
      <c r="J82" s="102"/>
      <c r="K82" s="102"/>
      <c r="L82" s="6"/>
    </row>
    <row r="83" spans="1:14" ht="29.25" customHeight="1" thickBot="1" x14ac:dyDescent="0.2">
      <c r="A83" s="118" t="s">
        <v>41</v>
      </c>
      <c r="B83" s="119"/>
      <c r="C83" s="119"/>
      <c r="D83" s="119"/>
      <c r="E83" s="119"/>
      <c r="F83" s="119"/>
      <c r="G83" s="119"/>
      <c r="H83" s="119"/>
      <c r="I83" s="119"/>
      <c r="J83" s="120"/>
      <c r="K83" s="7"/>
      <c r="L83" s="6"/>
    </row>
    <row r="84" spans="1:14" ht="29.25" customHeight="1" x14ac:dyDescent="0.15">
      <c r="A84" s="74" t="s">
        <v>89</v>
      </c>
      <c r="B84" s="74"/>
      <c r="C84" s="74"/>
      <c r="D84" s="74"/>
      <c r="E84" s="74"/>
      <c r="F84" s="74"/>
      <c r="G84" s="74"/>
      <c r="H84" s="74"/>
      <c r="I84" s="74"/>
      <c r="J84" s="74"/>
      <c r="K84" s="49"/>
      <c r="L84" s="6"/>
    </row>
    <row r="85" spans="1:14" ht="28.5" customHeight="1" x14ac:dyDescent="0.15">
      <c r="A85" s="21"/>
      <c r="B85" s="141" t="s">
        <v>45</v>
      </c>
      <c r="C85" s="142"/>
      <c r="D85" s="142"/>
      <c r="E85" s="142"/>
      <c r="F85" s="142"/>
      <c r="G85" s="142"/>
      <c r="H85" s="142"/>
      <c r="I85" s="142"/>
      <c r="J85" s="142"/>
      <c r="K85" s="143"/>
      <c r="L85" s="6"/>
    </row>
    <row r="86" spans="1:14" ht="15.75" customHeight="1" thickBot="1" x14ac:dyDescent="0.2">
      <c r="A86" s="21"/>
      <c r="B86" s="80" t="s">
        <v>85</v>
      </c>
      <c r="C86" s="2"/>
      <c r="D86" s="70"/>
      <c r="E86" s="70"/>
      <c r="F86" s="70"/>
      <c r="G86" s="70"/>
      <c r="H86" s="70"/>
      <c r="I86" s="70"/>
      <c r="J86" s="70"/>
      <c r="K86" s="81"/>
      <c r="L86" s="6"/>
    </row>
    <row r="87" spans="1:14" ht="22.5" customHeight="1" thickBot="1" x14ac:dyDescent="0.2">
      <c r="A87" s="21"/>
      <c r="B87" s="78"/>
      <c r="C87" s="74"/>
      <c r="D87" s="74"/>
      <c r="E87" s="144" t="s">
        <v>6</v>
      </c>
      <c r="F87" s="144"/>
      <c r="G87" s="19"/>
      <c r="H87" s="74"/>
      <c r="I87" s="79" t="s">
        <v>77</v>
      </c>
      <c r="J87" s="23"/>
      <c r="K87" s="82"/>
      <c r="L87" s="6"/>
    </row>
    <row r="88" spans="1:14" ht="22.5" customHeight="1" thickBot="1" x14ac:dyDescent="0.2">
      <c r="A88" s="21"/>
      <c r="B88" s="78"/>
      <c r="C88" s="21"/>
      <c r="D88" s="21"/>
      <c r="E88" s="144" t="s">
        <v>7</v>
      </c>
      <c r="F88" s="144"/>
      <c r="G88" s="19"/>
      <c r="H88" s="74" t="s">
        <v>8</v>
      </c>
      <c r="I88" s="145" t="s">
        <v>76</v>
      </c>
      <c r="J88" s="146"/>
      <c r="K88" s="147"/>
      <c r="L88" s="6"/>
    </row>
    <row r="89" spans="1:14" ht="22.5" customHeight="1" thickBot="1" x14ac:dyDescent="0.2">
      <c r="A89" s="21"/>
      <c r="B89" s="78"/>
      <c r="C89" s="21"/>
      <c r="D89" s="21"/>
      <c r="E89" s="144" t="s">
        <v>9</v>
      </c>
      <c r="F89" s="144"/>
      <c r="G89" s="23"/>
      <c r="H89" s="27"/>
      <c r="I89" s="146"/>
      <c r="J89" s="146"/>
      <c r="K89" s="147"/>
      <c r="L89" s="6"/>
    </row>
    <row r="90" spans="1:14" ht="22.5" customHeight="1" thickBot="1" x14ac:dyDescent="0.2">
      <c r="A90" s="21"/>
      <c r="B90" s="106" t="s">
        <v>46</v>
      </c>
      <c r="C90" s="107"/>
      <c r="D90" s="107"/>
      <c r="E90" s="107"/>
      <c r="F90" s="107"/>
      <c r="G90" s="148"/>
      <c r="H90" s="107"/>
      <c r="I90" s="107"/>
      <c r="J90" s="108"/>
      <c r="K90" s="23"/>
      <c r="L90" s="18"/>
      <c r="M90" s="2"/>
      <c r="N90" s="2"/>
    </row>
    <row r="91" spans="1:14" ht="68.25" customHeight="1" x14ac:dyDescent="0.15">
      <c r="A91" s="21"/>
      <c r="B91" s="116" t="s">
        <v>47</v>
      </c>
      <c r="C91" s="117"/>
      <c r="D91" s="117"/>
      <c r="E91" s="117"/>
      <c r="F91" s="117"/>
      <c r="G91" s="117"/>
      <c r="H91" s="117"/>
      <c r="I91" s="117"/>
      <c r="J91" s="117"/>
      <c r="K91" s="138"/>
      <c r="L91" s="18"/>
    </row>
    <row r="92" spans="1:14" ht="19.5" customHeight="1" thickBot="1" x14ac:dyDescent="0.2">
      <c r="A92" s="21"/>
      <c r="B92" s="22"/>
      <c r="C92" s="22"/>
      <c r="D92" s="22"/>
      <c r="E92" s="22"/>
      <c r="F92" s="22"/>
      <c r="G92" s="22"/>
      <c r="H92" s="22"/>
      <c r="I92" s="22"/>
      <c r="J92" s="22"/>
      <c r="K92" s="60" t="s">
        <v>91</v>
      </c>
      <c r="L92" s="18"/>
    </row>
    <row r="93" spans="1:14" ht="23.25" customHeight="1" thickBot="1" x14ac:dyDescent="0.2">
      <c r="A93" s="13" t="s">
        <v>60</v>
      </c>
      <c r="B93" s="13"/>
      <c r="C93" s="13"/>
      <c r="D93" s="13"/>
      <c r="E93" s="13"/>
      <c r="F93" s="13"/>
      <c r="G93" s="13"/>
      <c r="H93" s="13"/>
      <c r="I93" s="13"/>
      <c r="J93" s="13"/>
      <c r="K93" s="23"/>
      <c r="L93" s="6"/>
    </row>
    <row r="94" spans="1:14" s="5" customFormat="1" ht="12.75" customHeight="1" thickBot="1" x14ac:dyDescent="0.2">
      <c r="A94" s="31"/>
      <c r="B94" s="31"/>
      <c r="C94" s="31"/>
      <c r="D94" s="31"/>
      <c r="E94" s="31"/>
      <c r="F94" s="31"/>
      <c r="G94" s="31"/>
      <c r="H94" s="31"/>
      <c r="I94" s="31"/>
      <c r="J94" s="31"/>
      <c r="K94" s="32"/>
      <c r="L94" s="33"/>
    </row>
    <row r="95" spans="1:14" s="5" customFormat="1" ht="23.25" customHeight="1" thickBot="1" x14ac:dyDescent="0.2">
      <c r="A95" s="31" t="s">
        <v>61</v>
      </c>
      <c r="B95" s="31"/>
      <c r="C95" s="31"/>
      <c r="D95" s="31"/>
      <c r="E95" s="31"/>
      <c r="F95" s="31"/>
      <c r="G95" s="31"/>
      <c r="H95" s="31"/>
      <c r="I95" s="31"/>
      <c r="J95" s="31"/>
      <c r="K95" s="23"/>
      <c r="L95" s="33"/>
    </row>
    <row r="96" spans="1:14" s="5" customFormat="1" ht="12" customHeight="1" thickBot="1" x14ac:dyDescent="0.2">
      <c r="A96" s="30"/>
      <c r="B96" s="30"/>
      <c r="C96" s="30"/>
      <c r="D96" s="30"/>
      <c r="E96" s="30"/>
      <c r="F96" s="30"/>
      <c r="G96" s="30"/>
      <c r="H96" s="30"/>
      <c r="I96" s="30"/>
      <c r="J96" s="30"/>
      <c r="K96" s="17"/>
      <c r="L96" s="29"/>
    </row>
    <row r="97" spans="1:12" s="5" customFormat="1" ht="22.5" customHeight="1" thickBot="1" x14ac:dyDescent="0.2">
      <c r="A97" s="6" t="s">
        <v>87</v>
      </c>
      <c r="B97" s="74"/>
      <c r="C97" s="74"/>
      <c r="D97" s="74"/>
      <c r="E97" s="74"/>
      <c r="F97" s="74"/>
      <c r="G97" s="74"/>
      <c r="H97" s="74"/>
      <c r="I97" s="74"/>
      <c r="J97" s="74"/>
      <c r="K97" s="23"/>
      <c r="L97" s="36"/>
    </row>
    <row r="98" spans="1:12" s="5" customFormat="1" ht="12" customHeight="1" x14ac:dyDescent="0.15">
      <c r="A98" s="74"/>
      <c r="B98" s="74"/>
      <c r="C98" s="74"/>
      <c r="D98" s="74"/>
      <c r="E98" s="74"/>
      <c r="F98" s="74"/>
      <c r="G98" s="74"/>
      <c r="H98" s="74"/>
      <c r="I98" s="74"/>
      <c r="J98" s="74"/>
      <c r="K98" s="76"/>
      <c r="L98" s="36"/>
    </row>
    <row r="99" spans="1:12" s="4" customFormat="1" ht="29.25" customHeight="1" thickBot="1" x14ac:dyDescent="0.2">
      <c r="A99" s="13" t="s">
        <v>90</v>
      </c>
      <c r="B99" s="6"/>
      <c r="C99" s="6"/>
      <c r="D99" s="6"/>
      <c r="E99" s="6"/>
      <c r="F99" s="6"/>
      <c r="G99" s="6"/>
      <c r="H99" s="6"/>
      <c r="I99" s="6"/>
      <c r="J99" s="13"/>
      <c r="K99" s="17"/>
      <c r="L99" s="6"/>
    </row>
    <row r="100" spans="1:12" s="4" customFormat="1" ht="21" customHeight="1" thickBot="1" x14ac:dyDescent="0.2">
      <c r="B100" s="93" t="s">
        <v>73</v>
      </c>
      <c r="C100" s="94"/>
      <c r="D100" s="94"/>
      <c r="E100" s="94"/>
      <c r="F100" s="94"/>
      <c r="G100" s="94"/>
      <c r="H100" s="94"/>
      <c r="I100" s="94"/>
      <c r="J100" s="95"/>
      <c r="K100" s="23"/>
      <c r="L100" s="6"/>
    </row>
    <row r="101" spans="1:12" s="4" customFormat="1" ht="21" customHeight="1" thickBot="1" x14ac:dyDescent="0.2">
      <c r="B101" s="96" t="s">
        <v>86</v>
      </c>
      <c r="C101" s="67"/>
      <c r="D101" s="67"/>
      <c r="E101" s="67"/>
      <c r="F101" s="67"/>
      <c r="G101" s="67"/>
      <c r="H101" s="67"/>
      <c r="I101" s="67"/>
      <c r="J101" s="97"/>
      <c r="K101" s="23"/>
      <c r="L101" s="6"/>
    </row>
    <row r="102" spans="1:12" s="4" customFormat="1" ht="21" customHeight="1" thickBot="1" x14ac:dyDescent="0.2">
      <c r="B102" s="96" t="s">
        <v>101</v>
      </c>
      <c r="C102" s="67"/>
      <c r="D102" s="67"/>
      <c r="E102" s="67"/>
      <c r="F102" s="67"/>
      <c r="G102" s="67"/>
      <c r="H102" s="67"/>
      <c r="I102" s="67"/>
      <c r="J102" s="97"/>
      <c r="K102" s="23"/>
      <c r="L102" s="6"/>
    </row>
    <row r="103" spans="1:12" s="4" customFormat="1" ht="21" customHeight="1" thickBot="1" x14ac:dyDescent="0.2">
      <c r="B103" s="75" t="s">
        <v>78</v>
      </c>
      <c r="C103" s="67"/>
      <c r="D103" s="67"/>
      <c r="E103" s="67"/>
      <c r="F103" s="67"/>
      <c r="G103" s="67"/>
      <c r="H103" s="67"/>
      <c r="I103" s="67"/>
      <c r="J103" s="97"/>
      <c r="K103" s="23"/>
      <c r="L103" s="6"/>
    </row>
    <row r="104" spans="1:12" s="5" customFormat="1" ht="21" customHeight="1" thickBot="1" x14ac:dyDescent="0.2">
      <c r="B104" s="98" t="s">
        <v>79</v>
      </c>
      <c r="C104" s="68"/>
      <c r="D104" s="68"/>
      <c r="E104" s="68"/>
      <c r="F104" s="68"/>
      <c r="G104" s="68"/>
      <c r="H104" s="68"/>
      <c r="I104" s="68"/>
      <c r="J104" s="99"/>
      <c r="K104" s="23"/>
      <c r="L104" s="36"/>
    </row>
    <row r="105" spans="1:12" s="4" customFormat="1" ht="10.5" customHeight="1" x14ac:dyDescent="0.15">
      <c r="C105" s="6"/>
      <c r="D105" s="6"/>
      <c r="E105" s="6"/>
      <c r="F105" s="6"/>
      <c r="G105" s="6"/>
      <c r="H105" s="6"/>
      <c r="I105" s="6"/>
      <c r="J105" s="13"/>
      <c r="L105" s="6"/>
    </row>
    <row r="106" spans="1:12" s="4" customFormat="1" ht="17.25" customHeight="1" x14ac:dyDescent="0.15">
      <c r="A106" s="28"/>
      <c r="B106" s="6"/>
      <c r="C106" s="6"/>
      <c r="D106" s="6"/>
      <c r="E106" s="6"/>
      <c r="F106" s="6"/>
      <c r="G106" s="6"/>
      <c r="H106" s="6"/>
      <c r="I106" s="6"/>
      <c r="J106" s="13"/>
      <c r="K106" s="17"/>
      <c r="L106" s="6"/>
    </row>
    <row r="107" spans="1:12" ht="23.25" customHeight="1" thickBot="1" x14ac:dyDescent="0.2">
      <c r="A107" s="34" t="s">
        <v>83</v>
      </c>
      <c r="B107" s="35"/>
      <c r="C107" s="35"/>
      <c r="D107" s="35"/>
      <c r="E107" s="35"/>
      <c r="F107" s="35"/>
      <c r="G107" s="35"/>
      <c r="H107" s="35"/>
      <c r="I107" s="35"/>
      <c r="J107" s="35"/>
      <c r="K107" s="53"/>
      <c r="L107" s="13"/>
    </row>
    <row r="108" spans="1:12" ht="19.5" customHeight="1" thickBot="1" x14ac:dyDescent="0.2">
      <c r="A108" s="13"/>
      <c r="B108" s="139" t="s">
        <v>56</v>
      </c>
      <c r="C108" s="139"/>
      <c r="D108" s="139"/>
      <c r="E108" s="139"/>
      <c r="F108" s="139"/>
      <c r="G108" s="139"/>
      <c r="H108" s="139"/>
      <c r="I108" s="139"/>
      <c r="J108" s="13"/>
      <c r="K108" s="72"/>
      <c r="L108" s="13"/>
    </row>
    <row r="109" spans="1:12" s="5" customFormat="1" ht="8.25" customHeight="1" x14ac:dyDescent="0.15">
      <c r="A109" s="30"/>
      <c r="B109" s="30"/>
      <c r="C109" s="30"/>
      <c r="D109" s="30"/>
      <c r="E109" s="30"/>
      <c r="F109" s="30"/>
      <c r="G109" s="30"/>
      <c r="H109" s="30"/>
      <c r="I109" s="30"/>
      <c r="J109" s="30"/>
      <c r="K109" s="17"/>
      <c r="L109" s="30"/>
    </row>
    <row r="110" spans="1:12" ht="23.25" customHeight="1" thickBot="1" x14ac:dyDescent="0.2">
      <c r="A110" s="34" t="s">
        <v>82</v>
      </c>
      <c r="B110" s="35"/>
      <c r="C110" s="35"/>
      <c r="D110" s="35"/>
      <c r="E110" s="35"/>
      <c r="F110" s="35"/>
      <c r="G110" s="35"/>
      <c r="H110" s="35"/>
      <c r="I110" s="35"/>
      <c r="J110" s="35"/>
      <c r="K110" s="35"/>
      <c r="L110" s="6"/>
    </row>
    <row r="111" spans="1:12" ht="19.5" customHeight="1" thickBot="1" x14ac:dyDescent="0.2">
      <c r="A111" s="13"/>
      <c r="B111" s="139" t="s">
        <v>57</v>
      </c>
      <c r="C111" s="139"/>
      <c r="D111" s="139"/>
      <c r="E111" s="139"/>
      <c r="F111" s="139"/>
      <c r="G111" s="139"/>
      <c r="H111" s="139"/>
      <c r="I111" s="139"/>
      <c r="J111" s="13"/>
      <c r="K111" s="72"/>
      <c r="L111" s="6"/>
    </row>
    <row r="112" spans="1:12" s="5" customFormat="1" ht="13.5" customHeight="1" x14ac:dyDescent="0.15">
      <c r="A112" s="30"/>
      <c r="B112" s="30"/>
      <c r="C112" s="30"/>
      <c r="D112" s="30"/>
      <c r="E112" s="30"/>
      <c r="F112" s="30"/>
      <c r="G112" s="30"/>
      <c r="H112" s="30"/>
      <c r="I112" s="30"/>
      <c r="J112" s="30"/>
      <c r="K112" s="9"/>
      <c r="L112" s="29"/>
    </row>
    <row r="113" spans="1:12" ht="23.25" customHeight="1" thickBot="1" x14ac:dyDescent="0.2">
      <c r="A113" s="139" t="s">
        <v>84</v>
      </c>
      <c r="B113" s="140"/>
      <c r="C113" s="140"/>
      <c r="D113" s="140"/>
      <c r="E113" s="140"/>
      <c r="F113" s="140"/>
      <c r="G113" s="140"/>
      <c r="H113" s="140"/>
      <c r="I113" s="140"/>
      <c r="J113" s="140"/>
      <c r="K113" s="140"/>
      <c r="L113" s="6"/>
    </row>
    <row r="114" spans="1:12" ht="19.5" customHeight="1" thickBot="1" x14ac:dyDescent="0.2">
      <c r="A114" s="13"/>
      <c r="B114" s="13" t="s">
        <v>62</v>
      </c>
      <c r="C114" s="13"/>
      <c r="D114" s="13"/>
      <c r="E114" s="13"/>
      <c r="F114" s="13"/>
      <c r="G114" s="13"/>
      <c r="H114" s="13"/>
      <c r="I114" s="13"/>
      <c r="J114" s="13"/>
      <c r="K114" s="72"/>
      <c r="L114" s="6"/>
    </row>
    <row r="115" spans="1:12" s="5" customFormat="1" ht="19.5" customHeight="1" x14ac:dyDescent="0.15">
      <c r="A115" s="34"/>
      <c r="B115" s="34"/>
      <c r="C115" s="34"/>
      <c r="D115" s="34"/>
      <c r="E115" s="34"/>
      <c r="F115" s="34"/>
      <c r="G115" s="34"/>
      <c r="H115" s="34"/>
      <c r="I115" s="34"/>
      <c r="J115" s="34"/>
      <c r="L115" s="36"/>
    </row>
    <row r="116" spans="1:12" ht="23.25" customHeight="1" x14ac:dyDescent="0.15">
      <c r="A116" s="34" t="s">
        <v>80</v>
      </c>
      <c r="B116" s="34"/>
      <c r="C116" s="34"/>
      <c r="D116" s="34"/>
      <c r="E116" s="34"/>
      <c r="F116" s="34"/>
      <c r="G116" s="34"/>
      <c r="H116" s="34"/>
      <c r="I116" s="34"/>
      <c r="J116" s="34"/>
      <c r="K116" s="37"/>
      <c r="L116" s="6"/>
    </row>
    <row r="117" spans="1:12" s="5" customFormat="1" ht="23.25" customHeight="1" x14ac:dyDescent="0.15">
      <c r="A117" s="46" t="s">
        <v>74</v>
      </c>
      <c r="B117" s="46"/>
      <c r="C117" s="46"/>
      <c r="D117" s="46"/>
      <c r="E117" s="46"/>
      <c r="F117" s="46"/>
      <c r="G117" s="46"/>
      <c r="H117" s="46"/>
      <c r="I117" s="46"/>
      <c r="J117" s="46"/>
      <c r="K117" s="37"/>
      <c r="L117" s="36"/>
    </row>
    <row r="118" spans="1:12" ht="119.25" customHeight="1" x14ac:dyDescent="0.15">
      <c r="A118" s="130"/>
      <c r="B118" s="130"/>
      <c r="C118" s="130"/>
      <c r="D118" s="130"/>
      <c r="E118" s="130"/>
      <c r="F118" s="130"/>
      <c r="G118" s="130"/>
      <c r="H118" s="130"/>
      <c r="I118" s="130"/>
      <c r="J118" s="130"/>
      <c r="K118" s="130"/>
      <c r="L118" s="13"/>
    </row>
    <row r="119" spans="1:12" s="5" customFormat="1" ht="12" customHeight="1" x14ac:dyDescent="0.15">
      <c r="A119" s="40"/>
      <c r="B119" s="40"/>
      <c r="C119" s="40"/>
      <c r="D119" s="40"/>
      <c r="E119" s="40"/>
      <c r="F119" s="40"/>
      <c r="G119" s="40"/>
      <c r="H119" s="40"/>
      <c r="I119" s="40"/>
      <c r="J119" s="40"/>
      <c r="K119" s="40"/>
      <c r="L119" s="30"/>
    </row>
    <row r="120" spans="1:12" ht="17.25" customHeight="1" x14ac:dyDescent="0.15">
      <c r="A120" s="6"/>
      <c r="B120" s="6"/>
      <c r="C120" s="6"/>
      <c r="D120" s="6"/>
      <c r="E120" s="6"/>
      <c r="F120" s="6"/>
      <c r="G120" s="6"/>
      <c r="H120" s="6"/>
      <c r="I120" s="6"/>
      <c r="J120" s="6"/>
      <c r="K120" s="7"/>
      <c r="L120" s="6"/>
    </row>
    <row r="121" spans="1:12" ht="17.25" customHeight="1" x14ac:dyDescent="0.15">
      <c r="A121" s="6"/>
      <c r="B121" s="6"/>
      <c r="C121" s="6"/>
      <c r="D121" s="6"/>
      <c r="E121" s="6"/>
      <c r="F121" s="6"/>
      <c r="G121" s="6"/>
      <c r="H121" s="6"/>
      <c r="I121" s="6"/>
      <c r="J121" s="6"/>
      <c r="K121" s="6"/>
      <c r="L121" s="6"/>
    </row>
    <row r="122" spans="1:12" ht="17.25" customHeight="1" x14ac:dyDescent="0.15">
      <c r="A122" s="6"/>
      <c r="B122" s="6"/>
      <c r="C122" s="6"/>
      <c r="D122" s="6"/>
      <c r="E122" s="6"/>
      <c r="F122" s="6"/>
      <c r="G122" s="6"/>
      <c r="H122" s="6"/>
      <c r="I122" s="6"/>
      <c r="J122" s="6"/>
      <c r="K122" s="6"/>
      <c r="L122" s="6"/>
    </row>
    <row r="123" spans="1:12" ht="17.25" customHeight="1" x14ac:dyDescent="0.15">
      <c r="A123" s="6"/>
      <c r="B123" s="6"/>
      <c r="C123" s="6"/>
      <c r="D123" s="6"/>
      <c r="E123" s="6"/>
      <c r="F123" s="6"/>
      <c r="G123" s="6"/>
      <c r="H123" s="6"/>
      <c r="I123" s="6"/>
      <c r="J123" s="6"/>
      <c r="K123" s="6"/>
      <c r="L123" s="6"/>
    </row>
    <row r="124" spans="1:12" ht="17.25" customHeight="1" x14ac:dyDescent="0.15">
      <c r="A124" s="6"/>
      <c r="B124" s="6"/>
      <c r="C124" s="6"/>
      <c r="D124" s="6"/>
      <c r="E124" s="6"/>
      <c r="F124" s="6"/>
      <c r="G124" s="6"/>
      <c r="H124" s="6"/>
      <c r="I124" s="6"/>
      <c r="J124" s="6"/>
      <c r="K124" s="6"/>
      <c r="L124" s="6"/>
    </row>
    <row r="125" spans="1:12" ht="17.25" customHeight="1" x14ac:dyDescent="0.15">
      <c r="A125" s="6"/>
      <c r="B125" s="6"/>
      <c r="C125" s="6"/>
      <c r="D125" s="6"/>
      <c r="E125" s="6"/>
      <c r="F125" s="6"/>
      <c r="G125" s="6"/>
      <c r="H125" s="6"/>
      <c r="I125" s="6"/>
      <c r="J125" s="6"/>
      <c r="K125" s="6"/>
      <c r="L125" s="6"/>
    </row>
    <row r="126" spans="1:12" ht="17.25" customHeight="1" x14ac:dyDescent="0.15">
      <c r="A126" s="6"/>
      <c r="B126" s="6"/>
      <c r="C126" s="6"/>
      <c r="D126" s="6"/>
      <c r="E126" s="6"/>
      <c r="F126" s="6"/>
      <c r="G126" s="6"/>
      <c r="H126" s="6"/>
      <c r="I126" s="6"/>
      <c r="J126" s="6"/>
      <c r="K126" s="6"/>
      <c r="L126" s="6"/>
    </row>
    <row r="127" spans="1:12" ht="17.25" customHeight="1" x14ac:dyDescent="0.15">
      <c r="A127" s="6"/>
      <c r="B127" s="6"/>
      <c r="C127" s="6"/>
      <c r="D127" s="6"/>
      <c r="E127" s="6"/>
      <c r="F127" s="6"/>
      <c r="G127" s="6"/>
      <c r="H127" s="6"/>
      <c r="I127" s="6"/>
      <c r="J127" s="6"/>
      <c r="K127" s="6"/>
      <c r="L127" s="6"/>
    </row>
    <row r="128" spans="1:12" ht="17.25" customHeight="1" x14ac:dyDescent="0.15">
      <c r="A128" s="6"/>
      <c r="B128" s="6"/>
      <c r="C128" s="6"/>
      <c r="D128" s="6"/>
      <c r="E128" s="6"/>
      <c r="F128" s="6"/>
      <c r="G128" s="6"/>
      <c r="H128" s="6"/>
      <c r="I128" s="6"/>
      <c r="J128" s="6"/>
      <c r="K128" s="6"/>
      <c r="L128" s="6"/>
    </row>
    <row r="129" spans="1:12" ht="17.25" customHeight="1" x14ac:dyDescent="0.15">
      <c r="A129" s="6"/>
      <c r="B129" s="6"/>
      <c r="C129" s="6"/>
      <c r="D129" s="6"/>
      <c r="E129" s="6"/>
      <c r="F129" s="6"/>
      <c r="G129" s="6"/>
      <c r="H129" s="6"/>
      <c r="I129" s="6"/>
      <c r="J129" s="6"/>
      <c r="K129" s="6"/>
      <c r="L129" s="6"/>
    </row>
    <row r="130" spans="1:12" ht="17.25" customHeight="1" x14ac:dyDescent="0.15">
      <c r="A130" s="6"/>
      <c r="B130" s="6"/>
      <c r="C130" s="6"/>
      <c r="D130" s="6"/>
      <c r="E130" s="6"/>
      <c r="F130" s="6"/>
      <c r="G130" s="6"/>
      <c r="H130" s="6"/>
      <c r="I130" s="6"/>
      <c r="J130" s="6"/>
      <c r="K130" s="6"/>
      <c r="L130" s="6"/>
    </row>
    <row r="131" spans="1:12" ht="17.25" customHeight="1" x14ac:dyDescent="0.15">
      <c r="A131" s="6"/>
      <c r="B131" s="6"/>
      <c r="C131" s="6"/>
      <c r="D131" s="6"/>
      <c r="E131" s="6"/>
      <c r="F131" s="6"/>
      <c r="G131" s="6"/>
      <c r="H131" s="6"/>
      <c r="I131" s="6"/>
      <c r="J131" s="6"/>
      <c r="K131" s="6"/>
      <c r="L131" s="6"/>
    </row>
    <row r="132" spans="1:12" ht="17.25" customHeight="1" x14ac:dyDescent="0.15">
      <c r="A132" s="6"/>
      <c r="B132" s="6"/>
      <c r="C132" s="6"/>
      <c r="D132" s="6"/>
      <c r="E132" s="6"/>
      <c r="F132" s="6"/>
      <c r="G132" s="6"/>
      <c r="H132" s="6"/>
      <c r="I132" s="6"/>
      <c r="J132" s="6"/>
      <c r="K132" s="6"/>
      <c r="L132" s="6"/>
    </row>
    <row r="133" spans="1:12" ht="17.25" customHeight="1" x14ac:dyDescent="0.15">
      <c r="A133" s="6"/>
      <c r="B133" s="6"/>
      <c r="C133" s="6"/>
      <c r="D133" s="6"/>
      <c r="E133" s="6"/>
      <c r="F133" s="6"/>
      <c r="G133" s="6"/>
      <c r="H133" s="6"/>
      <c r="I133" s="6"/>
      <c r="J133" s="6"/>
      <c r="K133" s="6"/>
      <c r="L133" s="6"/>
    </row>
    <row r="134" spans="1:12" ht="17.25" customHeight="1" x14ac:dyDescent="0.15">
      <c r="A134" s="6"/>
      <c r="B134" s="6"/>
      <c r="C134" s="6"/>
      <c r="D134" s="6"/>
      <c r="E134" s="6"/>
      <c r="F134" s="6"/>
      <c r="G134" s="6"/>
      <c r="H134" s="6"/>
      <c r="I134" s="6"/>
      <c r="J134" s="6"/>
      <c r="K134" s="6"/>
      <c r="L134" s="6"/>
    </row>
    <row r="135" spans="1:12" ht="17.25" customHeight="1" x14ac:dyDescent="0.15">
      <c r="A135" s="6"/>
      <c r="B135" s="6"/>
      <c r="C135" s="6"/>
      <c r="D135" s="6"/>
      <c r="E135" s="6"/>
      <c r="F135" s="6"/>
      <c r="G135" s="6"/>
      <c r="H135" s="6"/>
      <c r="I135" s="6"/>
      <c r="J135" s="6"/>
      <c r="K135" s="6"/>
      <c r="L135" s="6"/>
    </row>
    <row r="136" spans="1:12" ht="17.25" customHeight="1" x14ac:dyDescent="0.15">
      <c r="A136" s="6"/>
      <c r="B136" s="6"/>
      <c r="C136" s="6"/>
      <c r="D136" s="6"/>
      <c r="E136" s="6"/>
      <c r="F136" s="6"/>
      <c r="G136" s="6"/>
      <c r="H136" s="6"/>
      <c r="I136" s="6"/>
      <c r="J136" s="6"/>
      <c r="K136" s="6"/>
      <c r="L136" s="6"/>
    </row>
    <row r="137" spans="1:12" ht="17.25" customHeight="1" x14ac:dyDescent="0.15">
      <c r="A137" s="6"/>
      <c r="B137" s="6"/>
      <c r="C137" s="6"/>
      <c r="D137" s="6"/>
      <c r="E137" s="6"/>
      <c r="F137" s="6"/>
      <c r="G137" s="6"/>
      <c r="H137" s="6"/>
      <c r="I137" s="6"/>
      <c r="J137" s="6"/>
      <c r="K137" s="6"/>
      <c r="L137" s="6"/>
    </row>
    <row r="138" spans="1:12" ht="17.25" customHeight="1" x14ac:dyDescent="0.15">
      <c r="A138" s="6"/>
      <c r="B138" s="6"/>
      <c r="C138" s="6"/>
      <c r="D138" s="6"/>
      <c r="E138" s="6"/>
      <c r="F138" s="6"/>
      <c r="G138" s="6"/>
      <c r="H138" s="6"/>
      <c r="I138" s="6"/>
      <c r="J138" s="6"/>
      <c r="K138" s="6"/>
      <c r="L138" s="6"/>
    </row>
    <row r="139" spans="1:12" ht="17.25" customHeight="1" x14ac:dyDescent="0.15">
      <c r="A139" s="6"/>
      <c r="B139" s="6"/>
      <c r="C139" s="6"/>
      <c r="D139" s="6"/>
      <c r="E139" s="6"/>
      <c r="F139" s="6"/>
      <c r="G139" s="6"/>
      <c r="H139" s="6"/>
      <c r="I139" s="6"/>
      <c r="J139" s="6"/>
      <c r="K139" s="6"/>
      <c r="L139" s="6"/>
    </row>
    <row r="140" spans="1:12" ht="17.25" customHeight="1" x14ac:dyDescent="0.15">
      <c r="A140" s="6"/>
      <c r="B140" s="6"/>
      <c r="C140" s="6"/>
      <c r="D140" s="6"/>
      <c r="E140" s="6"/>
      <c r="F140" s="6"/>
      <c r="G140" s="6"/>
      <c r="H140" s="6"/>
      <c r="I140" s="6"/>
      <c r="J140" s="6"/>
      <c r="K140" s="6"/>
      <c r="L140" s="6"/>
    </row>
    <row r="141" spans="1:12" ht="17.25" customHeight="1" x14ac:dyDescent="0.15">
      <c r="A141" s="6"/>
      <c r="B141" s="6"/>
      <c r="C141" s="6"/>
      <c r="D141" s="6"/>
      <c r="E141" s="6"/>
      <c r="F141" s="6"/>
      <c r="G141" s="6"/>
      <c r="H141" s="6"/>
      <c r="I141" s="6"/>
      <c r="J141" s="6"/>
      <c r="K141" s="6"/>
      <c r="L141" s="6"/>
    </row>
    <row r="142" spans="1:12" ht="17.25" customHeight="1" x14ac:dyDescent="0.15">
      <c r="A142" s="6"/>
      <c r="B142" s="6"/>
      <c r="C142" s="6"/>
      <c r="D142" s="6"/>
      <c r="E142" s="6"/>
      <c r="F142" s="6"/>
      <c r="G142" s="6"/>
      <c r="H142" s="6"/>
      <c r="I142" s="6"/>
      <c r="J142" s="6"/>
      <c r="K142" s="6"/>
      <c r="L142" s="6"/>
    </row>
    <row r="143" spans="1:12" ht="17.25" customHeight="1" x14ac:dyDescent="0.15">
      <c r="A143" s="6"/>
      <c r="B143" s="6"/>
      <c r="C143" s="6"/>
      <c r="D143" s="6"/>
      <c r="E143" s="6"/>
      <c r="F143" s="6"/>
      <c r="G143" s="6"/>
      <c r="H143" s="6"/>
      <c r="I143" s="6"/>
      <c r="J143" s="6"/>
      <c r="K143" s="6"/>
      <c r="L143" s="6"/>
    </row>
    <row r="144" spans="1:12" ht="17.25" customHeight="1" x14ac:dyDescent="0.15">
      <c r="A144" s="6"/>
      <c r="B144" s="6"/>
      <c r="C144" s="6"/>
      <c r="D144" s="6"/>
      <c r="E144" s="6"/>
      <c r="F144" s="6"/>
      <c r="G144" s="6"/>
      <c r="H144" s="6"/>
      <c r="I144" s="6"/>
      <c r="J144" s="6"/>
      <c r="K144" s="6"/>
      <c r="L144" s="6"/>
    </row>
    <row r="145" spans="1:12" ht="17.25" customHeight="1" x14ac:dyDescent="0.15">
      <c r="A145" s="6"/>
      <c r="B145" s="6"/>
      <c r="C145" s="6"/>
      <c r="D145" s="6"/>
      <c r="E145" s="6"/>
      <c r="F145" s="6"/>
      <c r="G145" s="6"/>
      <c r="H145" s="6"/>
      <c r="I145" s="6"/>
      <c r="J145" s="6"/>
      <c r="K145" s="6"/>
      <c r="L145" s="6"/>
    </row>
    <row r="146" spans="1:12" ht="17.25" customHeight="1" x14ac:dyDescent="0.15">
      <c r="A146" s="6"/>
      <c r="B146" s="6"/>
      <c r="C146" s="6"/>
      <c r="D146" s="6"/>
      <c r="E146" s="6"/>
      <c r="F146" s="6"/>
      <c r="G146" s="6"/>
      <c r="H146" s="6"/>
      <c r="I146" s="6"/>
      <c r="J146" s="6"/>
      <c r="K146" s="6"/>
      <c r="L146" s="6"/>
    </row>
    <row r="147" spans="1:12" ht="17.25" customHeight="1" x14ac:dyDescent="0.15">
      <c r="A147" s="6"/>
      <c r="B147" s="6"/>
      <c r="C147" s="6"/>
      <c r="D147" s="6"/>
      <c r="E147" s="6"/>
      <c r="F147" s="6"/>
      <c r="G147" s="6"/>
      <c r="H147" s="6"/>
      <c r="I147" s="6"/>
      <c r="J147" s="6"/>
      <c r="K147" s="6"/>
      <c r="L147" s="6"/>
    </row>
    <row r="148" spans="1:12" ht="17.25" customHeight="1" x14ac:dyDescent="0.15">
      <c r="A148" s="6"/>
      <c r="B148" s="6"/>
      <c r="C148" s="6"/>
      <c r="D148" s="6"/>
      <c r="E148" s="6"/>
      <c r="F148" s="6"/>
      <c r="G148" s="6"/>
      <c r="H148" s="6"/>
      <c r="I148" s="6"/>
      <c r="J148" s="6"/>
      <c r="K148" s="6"/>
      <c r="L148" s="6"/>
    </row>
    <row r="149" spans="1:12" ht="17.25" customHeight="1" x14ac:dyDescent="0.15">
      <c r="A149" s="6"/>
      <c r="B149" s="6"/>
      <c r="C149" s="6"/>
      <c r="D149" s="6"/>
      <c r="E149" s="6"/>
      <c r="F149" s="6"/>
      <c r="G149" s="6"/>
      <c r="H149" s="6"/>
      <c r="I149" s="6"/>
      <c r="J149" s="6"/>
      <c r="K149" s="6"/>
      <c r="L149" s="6"/>
    </row>
    <row r="150" spans="1:12" ht="17.25" customHeight="1" x14ac:dyDescent="0.15">
      <c r="A150" s="6"/>
      <c r="B150" s="6"/>
      <c r="C150" s="6"/>
      <c r="D150" s="6"/>
      <c r="E150" s="6"/>
      <c r="F150" s="6"/>
      <c r="G150" s="6"/>
      <c r="H150" s="6"/>
      <c r="I150" s="6"/>
      <c r="J150" s="6"/>
      <c r="K150" s="6"/>
      <c r="L150" s="6"/>
    </row>
    <row r="151" spans="1:12" ht="17.25" customHeight="1" x14ac:dyDescent="0.15">
      <c r="A151" s="6"/>
      <c r="B151" s="6"/>
      <c r="C151" s="6"/>
      <c r="D151" s="6"/>
      <c r="E151" s="6"/>
      <c r="F151" s="6"/>
      <c r="G151" s="6"/>
      <c r="H151" s="6"/>
      <c r="I151" s="6"/>
      <c r="J151" s="6"/>
      <c r="K151" s="6"/>
      <c r="L151" s="6"/>
    </row>
    <row r="152" spans="1:12" ht="17.25" customHeight="1" x14ac:dyDescent="0.15">
      <c r="A152" s="6"/>
      <c r="B152" s="6"/>
      <c r="C152" s="6"/>
      <c r="D152" s="6"/>
      <c r="E152" s="6"/>
      <c r="F152" s="6"/>
      <c r="G152" s="6"/>
      <c r="H152" s="6"/>
      <c r="I152" s="6"/>
      <c r="J152" s="6"/>
      <c r="K152" s="6"/>
      <c r="L152" s="6"/>
    </row>
    <row r="153" spans="1:12" ht="17.25" customHeight="1" x14ac:dyDescent="0.15">
      <c r="A153" s="6"/>
      <c r="B153" s="6"/>
      <c r="C153" s="6"/>
      <c r="D153" s="6"/>
      <c r="E153" s="6"/>
      <c r="F153" s="6"/>
      <c r="G153" s="6"/>
      <c r="H153" s="6"/>
      <c r="I153" s="6"/>
      <c r="J153" s="6"/>
      <c r="K153" s="6"/>
      <c r="L153" s="6"/>
    </row>
    <row r="154" spans="1:12" ht="17.25" customHeight="1" x14ac:dyDescent="0.15">
      <c r="A154" s="6"/>
      <c r="B154" s="6"/>
      <c r="C154" s="6"/>
      <c r="D154" s="6"/>
      <c r="E154" s="6"/>
      <c r="F154" s="6"/>
      <c r="G154" s="6"/>
      <c r="H154" s="6"/>
      <c r="I154" s="6"/>
      <c r="J154" s="6"/>
      <c r="K154" s="6"/>
      <c r="L154" s="6"/>
    </row>
    <row r="155" spans="1:12" ht="17.25" customHeight="1" x14ac:dyDescent="0.15">
      <c r="A155" s="6"/>
      <c r="B155" s="6"/>
      <c r="C155" s="6"/>
      <c r="D155" s="6"/>
      <c r="E155" s="6"/>
      <c r="F155" s="6"/>
      <c r="G155" s="6"/>
      <c r="H155" s="6"/>
      <c r="I155" s="6"/>
      <c r="J155" s="6"/>
      <c r="K155" s="6"/>
      <c r="L155" s="6"/>
    </row>
    <row r="156" spans="1:12" ht="17.25" customHeight="1" x14ac:dyDescent="0.15">
      <c r="A156" s="6"/>
      <c r="B156" s="6"/>
      <c r="C156" s="6"/>
      <c r="D156" s="6"/>
      <c r="E156" s="6"/>
      <c r="F156" s="6"/>
      <c r="G156" s="6"/>
      <c r="H156" s="6"/>
      <c r="I156" s="6"/>
      <c r="J156" s="6"/>
      <c r="K156" s="6"/>
      <c r="L156" s="6"/>
    </row>
    <row r="157" spans="1:12" ht="17.25" customHeight="1" x14ac:dyDescent="0.15">
      <c r="A157" s="6"/>
      <c r="B157" s="6"/>
      <c r="C157" s="6"/>
      <c r="D157" s="6"/>
      <c r="E157" s="6"/>
      <c r="F157" s="6"/>
      <c r="G157" s="6"/>
      <c r="H157" s="6"/>
      <c r="I157" s="6"/>
      <c r="J157" s="6"/>
      <c r="K157" s="6"/>
      <c r="L157" s="6"/>
    </row>
    <row r="158" spans="1:12" ht="17.25" customHeight="1" x14ac:dyDescent="0.15">
      <c r="A158" s="6"/>
      <c r="B158" s="6"/>
      <c r="C158" s="6"/>
      <c r="D158" s="6"/>
      <c r="E158" s="6"/>
      <c r="F158" s="6"/>
      <c r="G158" s="6"/>
      <c r="H158" s="6"/>
      <c r="I158" s="6"/>
      <c r="J158" s="6"/>
      <c r="K158" s="6"/>
      <c r="L158" s="6"/>
    </row>
    <row r="159" spans="1:12" ht="17.25" customHeight="1" x14ac:dyDescent="0.15">
      <c r="A159" s="6"/>
      <c r="B159" s="6"/>
      <c r="C159" s="6"/>
      <c r="D159" s="6"/>
      <c r="E159" s="6"/>
      <c r="F159" s="6"/>
      <c r="G159" s="6"/>
      <c r="H159" s="6"/>
      <c r="I159" s="6"/>
      <c r="J159" s="6"/>
      <c r="K159" s="6"/>
      <c r="L159" s="6"/>
    </row>
    <row r="160" spans="1:12" ht="17.25" customHeight="1" x14ac:dyDescent="0.15">
      <c r="A160" s="6"/>
      <c r="B160" s="6"/>
      <c r="C160" s="6"/>
      <c r="D160" s="6"/>
      <c r="E160" s="6"/>
      <c r="F160" s="6"/>
      <c r="G160" s="6"/>
      <c r="H160" s="6"/>
      <c r="I160" s="6"/>
      <c r="J160" s="6"/>
      <c r="K160" s="6"/>
      <c r="L160" s="6"/>
    </row>
    <row r="161" spans="1:12" ht="17.25" customHeight="1" x14ac:dyDescent="0.15">
      <c r="A161" s="6"/>
      <c r="B161" s="6"/>
      <c r="C161" s="6"/>
      <c r="D161" s="6"/>
      <c r="E161" s="6"/>
      <c r="F161" s="6"/>
      <c r="G161" s="6"/>
      <c r="H161" s="6"/>
      <c r="I161" s="6"/>
      <c r="J161" s="6"/>
      <c r="K161" s="6"/>
      <c r="L161" s="6"/>
    </row>
    <row r="162" spans="1:12" ht="17.25" customHeight="1" x14ac:dyDescent="0.15">
      <c r="A162" s="6"/>
      <c r="B162" s="6"/>
      <c r="C162" s="6"/>
      <c r="D162" s="6"/>
      <c r="E162" s="6"/>
      <c r="F162" s="6"/>
      <c r="G162" s="6"/>
      <c r="H162" s="6"/>
      <c r="I162" s="6"/>
      <c r="J162" s="6"/>
      <c r="K162" s="6"/>
      <c r="L162" s="6"/>
    </row>
    <row r="163" spans="1:12" ht="17.25" customHeight="1" x14ac:dyDescent="0.15">
      <c r="A163" s="6"/>
      <c r="B163" s="6"/>
      <c r="C163" s="6"/>
      <c r="D163" s="6"/>
      <c r="E163" s="6"/>
      <c r="F163" s="6"/>
      <c r="G163" s="6"/>
      <c r="H163" s="6"/>
      <c r="I163" s="6"/>
      <c r="J163" s="6"/>
      <c r="K163" s="6"/>
      <c r="L163" s="6"/>
    </row>
    <row r="164" spans="1:12" ht="17.25" customHeight="1" x14ac:dyDescent="0.15">
      <c r="A164" s="6"/>
      <c r="B164" s="6"/>
      <c r="C164" s="6"/>
      <c r="D164" s="6"/>
      <c r="E164" s="6"/>
      <c r="F164" s="6"/>
      <c r="G164" s="6"/>
      <c r="H164" s="6"/>
      <c r="I164" s="6"/>
      <c r="J164" s="6"/>
      <c r="K164" s="6"/>
      <c r="L164" s="6"/>
    </row>
    <row r="165" spans="1:12" ht="17.25" customHeight="1" x14ac:dyDescent="0.15">
      <c r="A165" s="6"/>
      <c r="B165" s="6"/>
      <c r="C165" s="6"/>
      <c r="D165" s="6"/>
      <c r="E165" s="6"/>
      <c r="F165" s="6"/>
      <c r="G165" s="6"/>
      <c r="H165" s="6"/>
      <c r="I165" s="6"/>
      <c r="J165" s="6"/>
      <c r="K165" s="6"/>
      <c r="L165" s="6"/>
    </row>
    <row r="166" spans="1:12" ht="17.25" customHeight="1" x14ac:dyDescent="0.15">
      <c r="A166" s="6"/>
      <c r="B166" s="6"/>
      <c r="C166" s="6"/>
      <c r="D166" s="6"/>
      <c r="E166" s="6"/>
      <c r="F166" s="6"/>
      <c r="G166" s="6"/>
      <c r="H166" s="6"/>
      <c r="I166" s="6"/>
      <c r="J166" s="6"/>
      <c r="K166" s="6"/>
      <c r="L166" s="6"/>
    </row>
    <row r="167" spans="1:12" ht="17.25" customHeight="1" x14ac:dyDescent="0.15">
      <c r="A167" s="6"/>
      <c r="B167" s="6"/>
      <c r="C167" s="6"/>
      <c r="D167" s="6"/>
      <c r="E167" s="6"/>
      <c r="F167" s="6"/>
      <c r="G167" s="6"/>
      <c r="H167" s="6"/>
      <c r="I167" s="6"/>
      <c r="J167" s="6"/>
      <c r="K167" s="6"/>
      <c r="L167" s="6"/>
    </row>
    <row r="168" spans="1:12" ht="17.25" customHeight="1" x14ac:dyDescent="0.15">
      <c r="A168" s="6"/>
      <c r="B168" s="6"/>
      <c r="C168" s="6"/>
      <c r="D168" s="6"/>
      <c r="E168" s="6"/>
      <c r="F168" s="6"/>
      <c r="G168" s="6"/>
      <c r="H168" s="6"/>
      <c r="I168" s="6"/>
      <c r="J168" s="6"/>
      <c r="K168" s="6"/>
      <c r="L168" s="6"/>
    </row>
    <row r="169" spans="1:12" ht="17.25" customHeight="1" x14ac:dyDescent="0.15">
      <c r="A169" s="6"/>
      <c r="B169" s="6"/>
      <c r="C169" s="6"/>
      <c r="D169" s="6"/>
      <c r="E169" s="6"/>
      <c r="F169" s="6"/>
      <c r="G169" s="6"/>
      <c r="H169" s="6"/>
      <c r="I169" s="6"/>
      <c r="J169" s="6"/>
      <c r="K169" s="6"/>
      <c r="L169" s="6"/>
    </row>
    <row r="170" spans="1:12" ht="17.25" customHeight="1" x14ac:dyDescent="0.15">
      <c r="A170" s="6"/>
      <c r="B170" s="6"/>
      <c r="C170" s="6"/>
      <c r="D170" s="6"/>
      <c r="E170" s="6"/>
      <c r="F170" s="6"/>
      <c r="G170" s="6"/>
      <c r="H170" s="6"/>
      <c r="I170" s="6"/>
      <c r="J170" s="6"/>
      <c r="K170" s="6"/>
      <c r="L170" s="6"/>
    </row>
    <row r="171" spans="1:12" ht="17.25" customHeight="1" x14ac:dyDescent="0.15">
      <c r="A171" s="6"/>
      <c r="B171" s="6"/>
      <c r="C171" s="6"/>
      <c r="D171" s="6"/>
      <c r="E171" s="6"/>
      <c r="F171" s="6"/>
      <c r="G171" s="6"/>
      <c r="H171" s="6"/>
      <c r="I171" s="6"/>
      <c r="J171" s="6"/>
      <c r="K171" s="6"/>
      <c r="L171" s="6"/>
    </row>
    <row r="172" spans="1:12" ht="17.25" customHeight="1" x14ac:dyDescent="0.15">
      <c r="A172" s="6"/>
      <c r="B172" s="6"/>
      <c r="C172" s="6"/>
      <c r="D172" s="6"/>
      <c r="E172" s="6"/>
      <c r="F172" s="6"/>
      <c r="G172" s="6"/>
      <c r="H172" s="6"/>
      <c r="I172" s="6"/>
      <c r="J172" s="6"/>
      <c r="K172" s="6"/>
      <c r="L172" s="6"/>
    </row>
    <row r="173" spans="1:12" ht="17.25" customHeight="1" x14ac:dyDescent="0.15">
      <c r="K173" s="1"/>
    </row>
    <row r="174" spans="1:12" ht="17.25" customHeight="1" x14ac:dyDescent="0.15">
      <c r="K174" s="1"/>
    </row>
    <row r="175" spans="1:12" ht="17.25" customHeight="1" x14ac:dyDescent="0.15">
      <c r="K175" s="1"/>
    </row>
    <row r="176" spans="1:12" ht="17.25" customHeight="1" x14ac:dyDescent="0.15">
      <c r="K176" s="1"/>
    </row>
    <row r="177" spans="11:11" ht="17.25" customHeight="1" x14ac:dyDescent="0.15">
      <c r="K177" s="1"/>
    </row>
    <row r="178" spans="11:11" ht="17.25" customHeight="1" x14ac:dyDescent="0.15">
      <c r="K178" s="1"/>
    </row>
    <row r="179" spans="11:11" ht="17.25" customHeight="1" x14ac:dyDescent="0.15">
      <c r="K179" s="1"/>
    </row>
    <row r="180" spans="11:11" ht="17.25" customHeight="1" x14ac:dyDescent="0.15">
      <c r="K180" s="1"/>
    </row>
    <row r="181" spans="11:11" ht="17.25" customHeight="1" x14ac:dyDescent="0.15">
      <c r="K181" s="1"/>
    </row>
    <row r="182" spans="11:11" ht="17.25" customHeight="1" x14ac:dyDescent="0.15">
      <c r="K182" s="1"/>
    </row>
    <row r="183" spans="11:11" ht="17.25" customHeight="1" x14ac:dyDescent="0.15">
      <c r="K183" s="1"/>
    </row>
    <row r="184" spans="11:11" ht="17.25" customHeight="1" x14ac:dyDescent="0.15">
      <c r="K184" s="1"/>
    </row>
    <row r="185" spans="11:11" ht="17.25" customHeight="1" x14ac:dyDescent="0.15">
      <c r="K185" s="1"/>
    </row>
    <row r="186" spans="11:11" ht="17.25" customHeight="1" x14ac:dyDescent="0.15">
      <c r="K186" s="1"/>
    </row>
    <row r="187" spans="11:11" ht="17.25" customHeight="1" x14ac:dyDescent="0.15">
      <c r="K187" s="1"/>
    </row>
    <row r="188" spans="11:11" ht="17.25" customHeight="1" x14ac:dyDescent="0.15">
      <c r="K188" s="1"/>
    </row>
    <row r="189" spans="11:11" ht="17.25" customHeight="1" x14ac:dyDescent="0.15">
      <c r="K189" s="1"/>
    </row>
    <row r="190" spans="11:11" ht="17.25" customHeight="1" x14ac:dyDescent="0.15">
      <c r="K190" s="1"/>
    </row>
    <row r="191" spans="11:11" ht="17.25" customHeight="1" x14ac:dyDescent="0.15">
      <c r="K191" s="1"/>
    </row>
    <row r="192" spans="11:11" ht="17.25" customHeight="1" x14ac:dyDescent="0.15">
      <c r="K192" s="1"/>
    </row>
    <row r="193" spans="11:11" ht="17.25" customHeight="1" x14ac:dyDescent="0.15">
      <c r="K193" s="1"/>
    </row>
    <row r="194" spans="11:11" ht="17.25" customHeight="1" x14ac:dyDescent="0.15">
      <c r="K194" s="1"/>
    </row>
    <row r="195" spans="11:11" ht="17.25" customHeight="1" x14ac:dyDescent="0.15">
      <c r="K195" s="1"/>
    </row>
    <row r="196" spans="11:11" ht="17.25" customHeight="1" x14ac:dyDescent="0.15">
      <c r="K196" s="1"/>
    </row>
    <row r="197" spans="11:11" ht="17.25" customHeight="1" x14ac:dyDescent="0.15">
      <c r="K197" s="1"/>
    </row>
    <row r="198" spans="11:11" ht="17.25" customHeight="1" x14ac:dyDescent="0.15">
      <c r="K198" s="1"/>
    </row>
    <row r="199" spans="11:11" ht="17.25" customHeight="1" x14ac:dyDescent="0.15">
      <c r="K199" s="1"/>
    </row>
    <row r="200" spans="11:11" ht="17.25" customHeight="1" x14ac:dyDescent="0.15">
      <c r="K200" s="1"/>
    </row>
    <row r="201" spans="11:11" ht="17.25" customHeight="1" x14ac:dyDescent="0.15">
      <c r="K201" s="1"/>
    </row>
    <row r="202" spans="11:11" ht="17.25" customHeight="1" x14ac:dyDescent="0.15">
      <c r="K202" s="1"/>
    </row>
    <row r="203" spans="11:11" ht="17.25" customHeight="1" x14ac:dyDescent="0.15">
      <c r="K203" s="1"/>
    </row>
    <row r="204" spans="11:11" ht="17.25" customHeight="1" x14ac:dyDescent="0.15">
      <c r="K204" s="1"/>
    </row>
    <row r="205" spans="11:11" ht="17.25" customHeight="1" x14ac:dyDescent="0.15">
      <c r="K205" s="1"/>
    </row>
    <row r="206" spans="11:11" ht="17.25" customHeight="1" x14ac:dyDescent="0.15">
      <c r="K206" s="1"/>
    </row>
    <row r="207" spans="11:11" ht="17.25" customHeight="1" x14ac:dyDescent="0.15">
      <c r="K207" s="1"/>
    </row>
    <row r="208" spans="11:11" ht="17.25" customHeight="1" x14ac:dyDescent="0.15">
      <c r="K208" s="1"/>
    </row>
    <row r="209" spans="11:11" ht="17.25" customHeight="1" x14ac:dyDescent="0.15">
      <c r="K209" s="1"/>
    </row>
    <row r="210" spans="11:11" ht="17.25" customHeight="1" x14ac:dyDescent="0.15">
      <c r="K210" s="1"/>
    </row>
    <row r="211" spans="11:11" ht="17.25" customHeight="1" x14ac:dyDescent="0.15">
      <c r="K211" s="1"/>
    </row>
    <row r="212" spans="11:11" ht="17.25" customHeight="1" x14ac:dyDescent="0.15">
      <c r="K212" s="1"/>
    </row>
    <row r="213" spans="11:11" ht="17.25" customHeight="1" x14ac:dyDescent="0.15">
      <c r="K213" s="1"/>
    </row>
    <row r="214" spans="11:11" ht="17.25" customHeight="1" x14ac:dyDescent="0.15">
      <c r="K214" s="1"/>
    </row>
    <row r="215" spans="11:11" ht="17.25" customHeight="1" x14ac:dyDescent="0.15">
      <c r="K215" s="1"/>
    </row>
    <row r="216" spans="11:11" ht="17.25" customHeight="1" x14ac:dyDescent="0.15">
      <c r="K216" s="1"/>
    </row>
    <row r="217" spans="11:11" ht="17.25" customHeight="1" x14ac:dyDescent="0.15">
      <c r="K217" s="1"/>
    </row>
    <row r="218" spans="11:11" ht="17.25" customHeight="1" x14ac:dyDescent="0.15">
      <c r="K218" s="1"/>
    </row>
    <row r="219" spans="11:11" ht="17.25" customHeight="1" x14ac:dyDescent="0.15">
      <c r="K219" s="1"/>
    </row>
    <row r="220" spans="11:11" ht="17.25" customHeight="1" x14ac:dyDescent="0.15">
      <c r="K220" s="1"/>
    </row>
    <row r="221" spans="11:11" ht="17.25" customHeight="1" x14ac:dyDescent="0.15">
      <c r="K221" s="1"/>
    </row>
    <row r="222" spans="11:11" ht="17.25" customHeight="1" x14ac:dyDescent="0.15">
      <c r="K222" s="1"/>
    </row>
    <row r="223" spans="11:11" ht="17.25" customHeight="1" x14ac:dyDescent="0.15">
      <c r="K223" s="1"/>
    </row>
    <row r="224" spans="11:11" ht="17.25" customHeight="1" x14ac:dyDescent="0.15">
      <c r="K224" s="1"/>
    </row>
    <row r="225" spans="11:11" ht="17.25" customHeight="1" x14ac:dyDescent="0.15">
      <c r="K225" s="1"/>
    </row>
    <row r="226" spans="11:11" ht="17.25" customHeight="1" x14ac:dyDescent="0.15">
      <c r="K226" s="1"/>
    </row>
    <row r="227" spans="11:11" ht="17.25" customHeight="1" x14ac:dyDescent="0.15">
      <c r="K227" s="1"/>
    </row>
    <row r="228" spans="11:11" ht="17.25" customHeight="1" x14ac:dyDescent="0.15">
      <c r="K228" s="1"/>
    </row>
    <row r="229" spans="11:11" ht="17.25" customHeight="1" x14ac:dyDescent="0.15">
      <c r="K229" s="1"/>
    </row>
    <row r="230" spans="11:11" ht="17.25" customHeight="1" x14ac:dyDescent="0.15">
      <c r="K230" s="1"/>
    </row>
    <row r="231" spans="11:11" ht="17.25" customHeight="1" x14ac:dyDescent="0.15">
      <c r="K231" s="1"/>
    </row>
    <row r="232" spans="11:11" ht="17.25" customHeight="1" x14ac:dyDescent="0.15">
      <c r="K232" s="1"/>
    </row>
    <row r="233" spans="11:11" ht="17.25" customHeight="1" x14ac:dyDescent="0.15">
      <c r="K233" s="1"/>
    </row>
    <row r="234" spans="11:11" ht="17.25" customHeight="1" x14ac:dyDescent="0.15">
      <c r="K234" s="1"/>
    </row>
    <row r="235" spans="11:11" ht="17.25" customHeight="1" x14ac:dyDescent="0.15">
      <c r="K235" s="1"/>
    </row>
    <row r="236" spans="11:11" ht="17.25" customHeight="1" x14ac:dyDescent="0.15">
      <c r="K236" s="1"/>
    </row>
    <row r="237" spans="11:11" ht="17.25" customHeight="1" x14ac:dyDescent="0.15">
      <c r="K237" s="1"/>
    </row>
    <row r="238" spans="11:11" ht="17.25" customHeight="1" x14ac:dyDescent="0.15">
      <c r="K238" s="1"/>
    </row>
    <row r="239" spans="11:11" ht="17.25" customHeight="1" x14ac:dyDescent="0.15">
      <c r="K239" s="1"/>
    </row>
    <row r="240" spans="11:11" ht="17.25" customHeight="1" x14ac:dyDescent="0.15">
      <c r="K240" s="1"/>
    </row>
    <row r="241" spans="11:11" ht="17.25" customHeight="1" x14ac:dyDescent="0.15">
      <c r="K241" s="1"/>
    </row>
    <row r="242" spans="11:11" ht="17.25" customHeight="1" x14ac:dyDescent="0.15">
      <c r="K242" s="1"/>
    </row>
    <row r="243" spans="11:11" ht="17.25" customHeight="1" x14ac:dyDescent="0.15">
      <c r="K243" s="1"/>
    </row>
    <row r="244" spans="11:11" ht="17.25" customHeight="1" x14ac:dyDescent="0.15">
      <c r="K244" s="1"/>
    </row>
    <row r="245" spans="11:11" ht="17.25" customHeight="1" x14ac:dyDescent="0.15">
      <c r="K245" s="1"/>
    </row>
    <row r="246" spans="11:11" ht="17.25" customHeight="1" x14ac:dyDescent="0.15">
      <c r="K246" s="1"/>
    </row>
    <row r="247" spans="11:11" ht="17.25" customHeight="1" x14ac:dyDescent="0.15">
      <c r="K247" s="1"/>
    </row>
    <row r="248" spans="11:11" ht="17.25" customHeight="1" x14ac:dyDescent="0.15">
      <c r="K248" s="1"/>
    </row>
    <row r="249" spans="11:11" ht="17.25" customHeight="1" x14ac:dyDescent="0.15">
      <c r="K249" s="1"/>
    </row>
    <row r="250" spans="11:11" ht="17.25" customHeight="1" x14ac:dyDescent="0.15">
      <c r="K250" s="1"/>
    </row>
    <row r="251" spans="11:11" ht="17.25" customHeight="1" x14ac:dyDescent="0.15">
      <c r="K251" s="1"/>
    </row>
    <row r="252" spans="11:11" ht="17.25" customHeight="1" x14ac:dyDescent="0.15">
      <c r="K252" s="1"/>
    </row>
    <row r="253" spans="11:11" ht="17.25" customHeight="1" x14ac:dyDescent="0.15">
      <c r="K253" s="1"/>
    </row>
    <row r="254" spans="11:11" ht="17.25" customHeight="1" x14ac:dyDescent="0.15">
      <c r="K254" s="1"/>
    </row>
    <row r="255" spans="11:11" ht="17.25" customHeight="1" x14ac:dyDescent="0.15">
      <c r="K255" s="1"/>
    </row>
    <row r="256" spans="11:11" ht="17.25" customHeight="1" x14ac:dyDescent="0.15">
      <c r="K256" s="1"/>
    </row>
    <row r="257" spans="11:11" ht="17.25" customHeight="1" x14ac:dyDescent="0.15">
      <c r="K257" s="1"/>
    </row>
    <row r="258" spans="11:11" ht="17.25" customHeight="1" x14ac:dyDescent="0.15">
      <c r="K258" s="1"/>
    </row>
    <row r="259" spans="11:11" ht="17.25" customHeight="1" x14ac:dyDescent="0.15">
      <c r="K259" s="1"/>
    </row>
    <row r="260" spans="11:11" ht="17.25" customHeight="1" x14ac:dyDescent="0.15">
      <c r="K260" s="1"/>
    </row>
    <row r="261" spans="11:11" ht="17.25" customHeight="1" x14ac:dyDescent="0.15">
      <c r="K261" s="1"/>
    </row>
    <row r="262" spans="11:11" ht="17.25" customHeight="1" x14ac:dyDescent="0.15">
      <c r="K262" s="1"/>
    </row>
    <row r="263" spans="11:11" ht="17.25" customHeight="1" x14ac:dyDescent="0.15">
      <c r="K263" s="1"/>
    </row>
    <row r="264" spans="11:11" ht="17.25" customHeight="1" x14ac:dyDescent="0.15">
      <c r="K264" s="1"/>
    </row>
    <row r="265" spans="11:11" ht="17.25" customHeight="1" x14ac:dyDescent="0.15">
      <c r="K265" s="1"/>
    </row>
    <row r="266" spans="11:11" ht="17.25" customHeight="1" x14ac:dyDescent="0.15">
      <c r="K266" s="1"/>
    </row>
    <row r="267" spans="11:11" ht="17.25" customHeight="1" x14ac:dyDescent="0.15">
      <c r="K267" s="1"/>
    </row>
    <row r="268" spans="11:11" ht="17.25" customHeight="1" x14ac:dyDescent="0.15">
      <c r="K268" s="1"/>
    </row>
    <row r="269" spans="11:11" ht="17.25" customHeight="1" x14ac:dyDescent="0.15">
      <c r="K269" s="1"/>
    </row>
    <row r="270" spans="11:11" ht="17.25" customHeight="1" x14ac:dyDescent="0.15">
      <c r="K270" s="1"/>
    </row>
    <row r="271" spans="11:11" ht="17.25" customHeight="1" x14ac:dyDescent="0.15">
      <c r="K271" s="1"/>
    </row>
    <row r="272" spans="11:11" ht="17.25" customHeight="1" x14ac:dyDescent="0.15">
      <c r="K272" s="1"/>
    </row>
    <row r="273" spans="11:11" ht="17.25" customHeight="1" x14ac:dyDescent="0.15">
      <c r="K273" s="1"/>
    </row>
    <row r="274" spans="11:11" ht="17.25" customHeight="1" x14ac:dyDescent="0.15">
      <c r="K274" s="1"/>
    </row>
    <row r="275" spans="11:11" ht="17.25" customHeight="1" x14ac:dyDescent="0.15">
      <c r="K275" s="1"/>
    </row>
    <row r="276" spans="11:11" ht="17.25" customHeight="1" x14ac:dyDescent="0.15">
      <c r="K276" s="1"/>
    </row>
    <row r="277" spans="11:11" ht="17.25" customHeight="1" x14ac:dyDescent="0.15">
      <c r="K277" s="1"/>
    </row>
    <row r="278" spans="11:11" ht="17.25" customHeight="1" x14ac:dyDescent="0.15">
      <c r="K278" s="1"/>
    </row>
    <row r="279" spans="11:11" ht="17.25" customHeight="1" x14ac:dyDescent="0.15">
      <c r="K279" s="1"/>
    </row>
    <row r="280" spans="11:11" ht="17.25" customHeight="1" x14ac:dyDescent="0.15">
      <c r="K280" s="1"/>
    </row>
    <row r="281" spans="11:11" ht="17.25" customHeight="1" x14ac:dyDescent="0.15">
      <c r="K281" s="1"/>
    </row>
    <row r="282" spans="11:11" ht="17.25" customHeight="1" x14ac:dyDescent="0.15">
      <c r="K282" s="1"/>
    </row>
    <row r="283" spans="11:11" ht="17.25" customHeight="1" x14ac:dyDescent="0.15">
      <c r="K283" s="1"/>
    </row>
    <row r="284" spans="11:11" ht="17.25" customHeight="1" x14ac:dyDescent="0.15">
      <c r="K284" s="1"/>
    </row>
    <row r="285" spans="11:11" ht="17.25" customHeight="1" x14ac:dyDescent="0.15">
      <c r="K285" s="1"/>
    </row>
    <row r="286" spans="11:11" ht="17.25" customHeight="1" x14ac:dyDescent="0.15">
      <c r="K286" s="1"/>
    </row>
    <row r="287" spans="11:11" ht="17.25" customHeight="1" x14ac:dyDescent="0.15">
      <c r="K287" s="1"/>
    </row>
    <row r="288" spans="11:11" ht="17.25" customHeight="1" x14ac:dyDescent="0.15">
      <c r="K288" s="1"/>
    </row>
    <row r="289" spans="11:11" ht="17.25" customHeight="1" x14ac:dyDescent="0.15">
      <c r="K289" s="1"/>
    </row>
    <row r="290" spans="11:11" ht="17.25" customHeight="1" x14ac:dyDescent="0.15">
      <c r="K290" s="1"/>
    </row>
    <row r="291" spans="11:11" ht="17.25" customHeight="1" x14ac:dyDescent="0.15">
      <c r="K291" s="1"/>
    </row>
    <row r="292" spans="11:11" ht="17.25" customHeight="1" x14ac:dyDescent="0.15">
      <c r="K292" s="1"/>
    </row>
    <row r="293" spans="11:11" ht="17.25" customHeight="1" x14ac:dyDescent="0.15">
      <c r="K293" s="1"/>
    </row>
    <row r="294" spans="11:11" ht="17.25" customHeight="1" x14ac:dyDescent="0.15">
      <c r="K294" s="1"/>
    </row>
    <row r="295" spans="11:11" ht="17.25" customHeight="1" x14ac:dyDescent="0.15">
      <c r="K295" s="1"/>
    </row>
    <row r="296" spans="11:11" ht="17.25" customHeight="1" x14ac:dyDescent="0.15">
      <c r="K296" s="1"/>
    </row>
    <row r="297" spans="11:11" ht="17.25" customHeight="1" x14ac:dyDescent="0.15">
      <c r="K297" s="1"/>
    </row>
    <row r="298" spans="11:11" ht="17.25" customHeight="1" x14ac:dyDescent="0.15">
      <c r="K298" s="1"/>
    </row>
    <row r="299" spans="11:11" ht="17.25" customHeight="1" x14ac:dyDescent="0.15">
      <c r="K299" s="1"/>
    </row>
    <row r="300" spans="11:11" ht="17.25" customHeight="1" x14ac:dyDescent="0.15">
      <c r="K300" s="1"/>
    </row>
    <row r="301" spans="11:11" ht="17.25" customHeight="1" x14ac:dyDescent="0.15">
      <c r="K301" s="1"/>
    </row>
    <row r="302" spans="11:11" ht="17.25" customHeight="1" x14ac:dyDescent="0.15">
      <c r="K302" s="1"/>
    </row>
    <row r="303" spans="11:11" ht="17.25" customHeight="1" x14ac:dyDescent="0.15">
      <c r="K303" s="1"/>
    </row>
    <row r="304" spans="11:11" ht="17.25" customHeight="1" x14ac:dyDescent="0.15">
      <c r="K304" s="1"/>
    </row>
    <row r="305" spans="11:11" ht="17.25" customHeight="1" x14ac:dyDescent="0.15">
      <c r="K305" s="1"/>
    </row>
    <row r="306" spans="11:11" ht="17.25" customHeight="1" x14ac:dyDescent="0.15">
      <c r="K306" s="1"/>
    </row>
    <row r="307" spans="11:11" ht="17.25" customHeight="1" x14ac:dyDescent="0.15">
      <c r="K307" s="1"/>
    </row>
    <row r="308" spans="11:11" ht="17.25" customHeight="1" x14ac:dyDescent="0.15">
      <c r="K308" s="1"/>
    </row>
    <row r="309" spans="11:11" ht="17.25" customHeight="1" x14ac:dyDescent="0.15">
      <c r="K309" s="1"/>
    </row>
    <row r="310" spans="11:11" ht="17.25" customHeight="1" x14ac:dyDescent="0.15">
      <c r="K310" s="1"/>
    </row>
    <row r="311" spans="11:11" ht="17.25" customHeight="1" x14ac:dyDescent="0.15">
      <c r="K311" s="1"/>
    </row>
    <row r="312" spans="11:11" ht="17.25" customHeight="1" x14ac:dyDescent="0.15">
      <c r="K312" s="1"/>
    </row>
    <row r="313" spans="11:11" ht="17.25" customHeight="1" x14ac:dyDescent="0.15">
      <c r="K313" s="1"/>
    </row>
    <row r="314" spans="11:11" ht="17.25" customHeight="1" x14ac:dyDescent="0.15">
      <c r="K314" s="1"/>
    </row>
    <row r="315" spans="11:11" ht="17.25" customHeight="1" x14ac:dyDescent="0.15">
      <c r="K315" s="1"/>
    </row>
    <row r="316" spans="11:11" ht="17.25" customHeight="1" x14ac:dyDescent="0.15">
      <c r="K316" s="1"/>
    </row>
    <row r="317" spans="11:11" ht="17.25" customHeight="1" x14ac:dyDescent="0.15">
      <c r="K317" s="1"/>
    </row>
    <row r="318" spans="11:11" ht="17.25" customHeight="1" x14ac:dyDescent="0.15">
      <c r="K318" s="1"/>
    </row>
    <row r="319" spans="11:11" ht="17.25" customHeight="1" x14ac:dyDescent="0.15">
      <c r="K319" s="1"/>
    </row>
    <row r="320" spans="11:11" ht="17.25" customHeight="1" x14ac:dyDescent="0.15">
      <c r="K320" s="1"/>
    </row>
    <row r="321" spans="11:11" ht="17.25" customHeight="1" x14ac:dyDescent="0.15">
      <c r="K321" s="1"/>
    </row>
    <row r="322" spans="11:11" ht="17.25" customHeight="1" x14ac:dyDescent="0.15">
      <c r="K322" s="1"/>
    </row>
    <row r="323" spans="11:11" ht="17.25" customHeight="1" x14ac:dyDescent="0.15">
      <c r="K323" s="1"/>
    </row>
    <row r="324" spans="11:11" ht="17.25" customHeight="1" x14ac:dyDescent="0.15">
      <c r="K324" s="1"/>
    </row>
    <row r="325" spans="11:11" ht="17.25" customHeight="1" x14ac:dyDescent="0.15">
      <c r="K325" s="1"/>
    </row>
    <row r="326" spans="11:11" ht="17.25" customHeight="1" x14ac:dyDescent="0.15">
      <c r="K326" s="1"/>
    </row>
    <row r="327" spans="11:11" ht="17.25" customHeight="1" x14ac:dyDescent="0.15">
      <c r="K327" s="1"/>
    </row>
    <row r="328" spans="11:11" ht="17.25" customHeight="1" x14ac:dyDescent="0.15">
      <c r="K328" s="1"/>
    </row>
    <row r="329" spans="11:11" ht="17.25" customHeight="1" x14ac:dyDescent="0.15">
      <c r="K329" s="1"/>
    </row>
    <row r="330" spans="11:11" ht="17.25" customHeight="1" x14ac:dyDescent="0.15">
      <c r="K330" s="1"/>
    </row>
    <row r="331" spans="11:11" ht="17.25" customHeight="1" x14ac:dyDescent="0.15">
      <c r="K331" s="1"/>
    </row>
    <row r="332" spans="11:11" ht="17.25" customHeight="1" x14ac:dyDescent="0.15">
      <c r="K332" s="1"/>
    </row>
    <row r="333" spans="11:11" ht="17.25" customHeight="1" x14ac:dyDescent="0.15">
      <c r="K333" s="1"/>
    </row>
    <row r="334" spans="11:11" ht="17.25" customHeight="1" x14ac:dyDescent="0.15">
      <c r="K334" s="1"/>
    </row>
    <row r="335" spans="11:11" ht="17.25" customHeight="1" x14ac:dyDescent="0.15">
      <c r="K335" s="1"/>
    </row>
    <row r="336" spans="11:11" ht="17.25" customHeight="1" x14ac:dyDescent="0.15">
      <c r="K336" s="1"/>
    </row>
    <row r="337" spans="11:11" ht="17.25" customHeight="1" x14ac:dyDescent="0.15">
      <c r="K337" s="1"/>
    </row>
    <row r="338" spans="11:11" ht="17.25" customHeight="1" x14ac:dyDescent="0.15">
      <c r="K338" s="1"/>
    </row>
    <row r="339" spans="11:11" ht="17.25" customHeight="1" x14ac:dyDescent="0.15">
      <c r="K339" s="1"/>
    </row>
    <row r="340" spans="11:11" ht="17.25" customHeight="1" x14ac:dyDescent="0.15">
      <c r="K340" s="1"/>
    </row>
    <row r="341" spans="11:11" ht="17.25" customHeight="1" x14ac:dyDescent="0.15">
      <c r="K341" s="1"/>
    </row>
    <row r="342" spans="11:11" ht="17.25" customHeight="1" x14ac:dyDescent="0.15">
      <c r="K342" s="1"/>
    </row>
    <row r="343" spans="11:11" ht="17.25" customHeight="1" x14ac:dyDescent="0.15">
      <c r="K343" s="1"/>
    </row>
    <row r="344" spans="11:11" ht="17.25" customHeight="1" x14ac:dyDescent="0.15">
      <c r="K344" s="1"/>
    </row>
    <row r="345" spans="11:11" ht="17.25" customHeight="1" x14ac:dyDescent="0.15">
      <c r="K345" s="1"/>
    </row>
    <row r="346" spans="11:11" ht="17.25" customHeight="1" x14ac:dyDescent="0.15">
      <c r="K346" s="1"/>
    </row>
    <row r="347" spans="11:11" ht="17.25" customHeight="1" x14ac:dyDescent="0.15">
      <c r="K347" s="1"/>
    </row>
    <row r="348" spans="11:11" ht="17.25" customHeight="1" x14ac:dyDescent="0.15">
      <c r="K348" s="1"/>
    </row>
    <row r="349" spans="11:11" ht="17.25" customHeight="1" x14ac:dyDescent="0.15">
      <c r="K349" s="1"/>
    </row>
    <row r="350" spans="11:11" ht="17.25" customHeight="1" x14ac:dyDescent="0.15">
      <c r="K350" s="1"/>
    </row>
    <row r="351" spans="11:11" ht="17.25" customHeight="1" x14ac:dyDescent="0.15">
      <c r="K351" s="1"/>
    </row>
    <row r="352" spans="11:11" ht="17.25" customHeight="1" x14ac:dyDescent="0.15">
      <c r="K352" s="1"/>
    </row>
    <row r="353" spans="11:11" ht="17.25" customHeight="1" x14ac:dyDescent="0.15">
      <c r="K353" s="1"/>
    </row>
    <row r="354" spans="11:11" ht="17.25" customHeight="1" x14ac:dyDescent="0.15">
      <c r="K354" s="1"/>
    </row>
    <row r="355" spans="11:11" ht="17.25" customHeight="1" x14ac:dyDescent="0.15">
      <c r="K355" s="1"/>
    </row>
    <row r="356" spans="11:11" ht="17.25" customHeight="1" x14ac:dyDescent="0.15">
      <c r="K356" s="1"/>
    </row>
    <row r="357" spans="11:11" ht="17.25" customHeight="1" x14ac:dyDescent="0.15">
      <c r="K357" s="1"/>
    </row>
    <row r="358" spans="11:11" ht="17.25" customHeight="1" x14ac:dyDescent="0.15">
      <c r="K358" s="1"/>
    </row>
    <row r="359" spans="11:11" ht="17.25" customHeight="1" x14ac:dyDescent="0.15">
      <c r="K359" s="1"/>
    </row>
    <row r="360" spans="11:11" ht="17.25" customHeight="1" x14ac:dyDescent="0.15">
      <c r="K360" s="1"/>
    </row>
    <row r="361" spans="11:11" ht="17.25" customHeight="1" x14ac:dyDescent="0.15">
      <c r="K361" s="1"/>
    </row>
    <row r="362" spans="11:11" ht="17.25" customHeight="1" x14ac:dyDescent="0.15">
      <c r="K362" s="1"/>
    </row>
    <row r="363" spans="11:11" ht="17.25" customHeight="1" x14ac:dyDescent="0.15">
      <c r="K363" s="1"/>
    </row>
    <row r="364" spans="11:11" ht="17.25" customHeight="1" x14ac:dyDescent="0.15">
      <c r="K364" s="1"/>
    </row>
    <row r="365" spans="11:11" ht="17.25" customHeight="1" x14ac:dyDescent="0.15">
      <c r="K365" s="1"/>
    </row>
    <row r="366" spans="11:11" ht="17.25" customHeight="1" x14ac:dyDescent="0.15">
      <c r="K366" s="1"/>
    </row>
    <row r="367" spans="11:11" ht="17.25" customHeight="1" x14ac:dyDescent="0.15">
      <c r="K367" s="1"/>
    </row>
    <row r="368" spans="11:11" ht="17.25" customHeight="1" x14ac:dyDescent="0.15">
      <c r="K368" s="1"/>
    </row>
    <row r="369" spans="11:11" ht="17.25" customHeight="1" x14ac:dyDescent="0.15">
      <c r="K369" s="1"/>
    </row>
    <row r="370" spans="11:11" ht="17.25" customHeight="1" x14ac:dyDescent="0.15">
      <c r="K370" s="1"/>
    </row>
    <row r="371" spans="11:11" ht="17.25" customHeight="1" x14ac:dyDescent="0.15">
      <c r="K371" s="1"/>
    </row>
    <row r="372" spans="11:11" ht="17.25" customHeight="1" x14ac:dyDescent="0.15">
      <c r="K372" s="1"/>
    </row>
    <row r="373" spans="11:11" ht="17.25" customHeight="1" x14ac:dyDescent="0.15">
      <c r="K373" s="1"/>
    </row>
    <row r="374" spans="11:11" ht="17.25" customHeight="1" x14ac:dyDescent="0.15">
      <c r="K374" s="1"/>
    </row>
    <row r="375" spans="11:11" ht="17.25" customHeight="1" x14ac:dyDescent="0.15">
      <c r="K375" s="1"/>
    </row>
    <row r="376" spans="11:11" ht="17.25" customHeight="1" x14ac:dyDescent="0.15">
      <c r="K376" s="1"/>
    </row>
    <row r="377" spans="11:11" ht="17.25" customHeight="1" x14ac:dyDescent="0.15">
      <c r="K377" s="1"/>
    </row>
    <row r="378" spans="11:11" ht="17.25" customHeight="1" x14ac:dyDescent="0.15">
      <c r="K378" s="1"/>
    </row>
    <row r="379" spans="11:11" ht="17.25" customHeight="1" x14ac:dyDescent="0.15">
      <c r="K379" s="1"/>
    </row>
    <row r="380" spans="11:11" ht="17.25" customHeight="1" x14ac:dyDescent="0.15">
      <c r="K380" s="1"/>
    </row>
    <row r="381" spans="11:11" ht="17.25" customHeight="1" x14ac:dyDescent="0.15">
      <c r="K381" s="1"/>
    </row>
    <row r="382" spans="11:11" ht="17.25" customHeight="1" x14ac:dyDescent="0.15">
      <c r="K382" s="1"/>
    </row>
    <row r="383" spans="11:11" ht="17.25" customHeight="1" x14ac:dyDescent="0.15">
      <c r="K383" s="1"/>
    </row>
    <row r="384" spans="11:11" ht="17.25" customHeight="1" x14ac:dyDescent="0.15">
      <c r="K384" s="1"/>
    </row>
    <row r="385" spans="11:11" ht="17.25" customHeight="1" x14ac:dyDescent="0.15">
      <c r="K385" s="1"/>
    </row>
    <row r="386" spans="11:11" ht="17.25" customHeight="1" x14ac:dyDescent="0.15">
      <c r="K386" s="1"/>
    </row>
    <row r="387" spans="11:11" ht="17.25" customHeight="1" x14ac:dyDescent="0.15">
      <c r="K387" s="1"/>
    </row>
    <row r="388" spans="11:11" ht="17.25" customHeight="1" x14ac:dyDescent="0.15">
      <c r="K388" s="1"/>
    </row>
    <row r="389" spans="11:11" ht="17.25" customHeight="1" x14ac:dyDescent="0.15">
      <c r="K389" s="1"/>
    </row>
    <row r="390" spans="11:11" ht="17.25" customHeight="1" x14ac:dyDescent="0.15">
      <c r="K390" s="1"/>
    </row>
    <row r="391" spans="11:11" ht="17.25" customHeight="1" x14ac:dyDescent="0.15">
      <c r="K391" s="1"/>
    </row>
    <row r="392" spans="11:11" ht="17.25" customHeight="1" x14ac:dyDescent="0.15">
      <c r="K392" s="1"/>
    </row>
    <row r="393" spans="11:11" ht="17.25" customHeight="1" x14ac:dyDescent="0.15">
      <c r="K393" s="1"/>
    </row>
    <row r="394" spans="11:11" ht="17.25" customHeight="1" x14ac:dyDescent="0.15">
      <c r="K394" s="1"/>
    </row>
    <row r="395" spans="11:11" ht="17.25" customHeight="1" x14ac:dyDescent="0.15">
      <c r="K395" s="1"/>
    </row>
    <row r="396" spans="11:11" ht="17.25" customHeight="1" x14ac:dyDescent="0.15">
      <c r="K396" s="1"/>
    </row>
    <row r="397" spans="11:11" ht="17.25" customHeight="1" x14ac:dyDescent="0.15">
      <c r="K397" s="1"/>
    </row>
    <row r="398" spans="11:11" ht="17.25" customHeight="1" x14ac:dyDescent="0.15">
      <c r="K398" s="1"/>
    </row>
    <row r="399" spans="11:11" ht="17.25" customHeight="1" x14ac:dyDescent="0.15">
      <c r="K399" s="1"/>
    </row>
    <row r="400" spans="11:11" ht="17.25" customHeight="1" x14ac:dyDescent="0.15">
      <c r="K400" s="1"/>
    </row>
    <row r="401" spans="11:11" ht="17.25" customHeight="1" x14ac:dyDescent="0.15">
      <c r="K401" s="1"/>
    </row>
    <row r="402" spans="11:11" ht="17.25" customHeight="1" x14ac:dyDescent="0.15">
      <c r="K402" s="1"/>
    </row>
    <row r="403" spans="11:11" ht="17.25" customHeight="1" x14ac:dyDescent="0.15">
      <c r="K403" s="1"/>
    </row>
    <row r="404" spans="11:11" ht="17.25" customHeight="1" x14ac:dyDescent="0.15">
      <c r="K404" s="1"/>
    </row>
    <row r="405" spans="11:11" ht="17.25" customHeight="1" x14ac:dyDescent="0.15">
      <c r="K405" s="1"/>
    </row>
    <row r="406" spans="11:11" ht="17.25" customHeight="1" x14ac:dyDescent="0.15">
      <c r="K406" s="1"/>
    </row>
    <row r="407" spans="11:11" ht="17.25" customHeight="1" x14ac:dyDescent="0.15">
      <c r="K407" s="1"/>
    </row>
    <row r="408" spans="11:11" ht="17.25" customHeight="1" x14ac:dyDescent="0.15">
      <c r="K408" s="1"/>
    </row>
    <row r="409" spans="11:11" ht="17.25" customHeight="1" x14ac:dyDescent="0.15">
      <c r="K409" s="1"/>
    </row>
    <row r="410" spans="11:11" ht="17.25" customHeight="1" x14ac:dyDescent="0.15">
      <c r="K410" s="1"/>
    </row>
    <row r="411" spans="11:11" ht="17.25" customHeight="1" x14ac:dyDescent="0.15">
      <c r="K411" s="1"/>
    </row>
    <row r="412" spans="11:11" ht="17.25" customHeight="1" x14ac:dyDescent="0.15">
      <c r="K412" s="1"/>
    </row>
    <row r="413" spans="11:11" ht="17.25" customHeight="1" x14ac:dyDescent="0.15">
      <c r="K413" s="1"/>
    </row>
    <row r="414" spans="11:11" ht="17.25" customHeight="1" x14ac:dyDescent="0.15">
      <c r="K414" s="1"/>
    </row>
    <row r="415" spans="11:11" ht="17.25" customHeight="1" x14ac:dyDescent="0.15">
      <c r="K415" s="1"/>
    </row>
    <row r="416" spans="11:11" ht="17.25" customHeight="1" x14ac:dyDescent="0.15">
      <c r="K416" s="1"/>
    </row>
    <row r="417" spans="11:11" ht="17.25" customHeight="1" x14ac:dyDescent="0.15">
      <c r="K417" s="1"/>
    </row>
    <row r="418" spans="11:11" ht="17.25" customHeight="1" x14ac:dyDescent="0.15">
      <c r="K418" s="1"/>
    </row>
    <row r="419" spans="11:11" ht="17.25" customHeight="1" x14ac:dyDescent="0.15">
      <c r="K419" s="1"/>
    </row>
    <row r="420" spans="11:11" ht="17.25" customHeight="1" x14ac:dyDescent="0.15">
      <c r="K420" s="1"/>
    </row>
    <row r="421" spans="11:11" ht="17.25" customHeight="1" x14ac:dyDescent="0.15">
      <c r="K421" s="1"/>
    </row>
    <row r="422" spans="11:11" ht="17.25" customHeight="1" x14ac:dyDescent="0.15">
      <c r="K422" s="1"/>
    </row>
    <row r="423" spans="11:11" ht="17.25" customHeight="1" x14ac:dyDescent="0.15">
      <c r="K423" s="1"/>
    </row>
    <row r="424" spans="11:11" ht="17.25" customHeight="1" x14ac:dyDescent="0.15">
      <c r="K424" s="1"/>
    </row>
    <row r="425" spans="11:11" ht="17.25" customHeight="1" x14ac:dyDescent="0.15">
      <c r="K425" s="1"/>
    </row>
    <row r="426" spans="11:11" ht="17.25" customHeight="1" x14ac:dyDescent="0.15">
      <c r="K426" s="1"/>
    </row>
    <row r="427" spans="11:11" ht="17.25" customHeight="1" x14ac:dyDescent="0.15">
      <c r="K427" s="1"/>
    </row>
    <row r="428" spans="11:11" ht="17.25" customHeight="1" x14ac:dyDescent="0.15">
      <c r="K428" s="1"/>
    </row>
    <row r="429" spans="11:11" ht="17.25" customHeight="1" x14ac:dyDescent="0.15">
      <c r="K429" s="1"/>
    </row>
    <row r="430" spans="11:11" ht="17.25" customHeight="1" x14ac:dyDescent="0.15">
      <c r="K430" s="1"/>
    </row>
    <row r="431" spans="11:11" ht="17.25" customHeight="1" x14ac:dyDescent="0.15">
      <c r="K431" s="1"/>
    </row>
    <row r="432" spans="11:11" ht="17.25" customHeight="1" x14ac:dyDescent="0.15">
      <c r="K432" s="1"/>
    </row>
    <row r="433" spans="11:11" ht="17.25" customHeight="1" x14ac:dyDescent="0.15">
      <c r="K433" s="1"/>
    </row>
    <row r="434" spans="11:11" ht="17.25" customHeight="1" x14ac:dyDescent="0.15">
      <c r="K434" s="1"/>
    </row>
    <row r="435" spans="11:11" ht="17.25" customHeight="1" x14ac:dyDescent="0.15">
      <c r="K435" s="1"/>
    </row>
    <row r="436" spans="11:11" ht="17.25" customHeight="1" x14ac:dyDescent="0.15">
      <c r="K436" s="1"/>
    </row>
    <row r="437" spans="11:11" ht="17.25" customHeight="1" x14ac:dyDescent="0.15">
      <c r="K437" s="1"/>
    </row>
    <row r="438" spans="11:11" ht="17.25" customHeight="1" x14ac:dyDescent="0.15">
      <c r="K438" s="1"/>
    </row>
    <row r="439" spans="11:11" ht="17.25" customHeight="1" x14ac:dyDescent="0.15">
      <c r="K439" s="1"/>
    </row>
    <row r="440" spans="11:11" ht="17.25" customHeight="1" x14ac:dyDescent="0.15">
      <c r="K440" s="1"/>
    </row>
    <row r="441" spans="11:11" ht="17.25" customHeight="1" x14ac:dyDescent="0.15">
      <c r="K441" s="1"/>
    </row>
    <row r="442" spans="11:11" ht="17.25" customHeight="1" x14ac:dyDescent="0.15">
      <c r="K442" s="1"/>
    </row>
    <row r="443" spans="11:11" ht="17.25" customHeight="1" x14ac:dyDescent="0.15">
      <c r="K443" s="1"/>
    </row>
    <row r="444" spans="11:11" ht="17.25" customHeight="1" x14ac:dyDescent="0.15">
      <c r="K444" s="1"/>
    </row>
    <row r="445" spans="11:11" ht="17.25" customHeight="1" x14ac:dyDescent="0.15">
      <c r="K445" s="1"/>
    </row>
    <row r="446" spans="11:11" ht="17.25" customHeight="1" x14ac:dyDescent="0.15">
      <c r="K446" s="1"/>
    </row>
    <row r="447" spans="11:11" ht="17.25" customHeight="1" x14ac:dyDescent="0.15">
      <c r="K447" s="1"/>
    </row>
    <row r="448" spans="11:11" ht="17.25" customHeight="1" x14ac:dyDescent="0.15">
      <c r="K448" s="1"/>
    </row>
    <row r="449" spans="11:11" ht="17.25" customHeight="1" x14ac:dyDescent="0.15">
      <c r="K449" s="1"/>
    </row>
    <row r="450" spans="11:11" ht="17.25" customHeight="1" x14ac:dyDescent="0.15">
      <c r="K450" s="1"/>
    </row>
    <row r="451" spans="11:11" ht="17.25" customHeight="1" x14ac:dyDescent="0.15">
      <c r="K451" s="1"/>
    </row>
    <row r="452" spans="11:11" ht="17.25" customHeight="1" x14ac:dyDescent="0.15">
      <c r="K452" s="1"/>
    </row>
    <row r="453" spans="11:11" ht="17.25" customHeight="1" x14ac:dyDescent="0.15">
      <c r="K453" s="1"/>
    </row>
    <row r="454" spans="11:11" ht="17.25" customHeight="1" x14ac:dyDescent="0.15">
      <c r="K454" s="1"/>
    </row>
    <row r="455" spans="11:11" ht="17.25" customHeight="1" x14ac:dyDescent="0.15">
      <c r="K455" s="1"/>
    </row>
    <row r="456" spans="11:11" ht="17.25" customHeight="1" x14ac:dyDescent="0.15">
      <c r="K456" s="1"/>
    </row>
    <row r="457" spans="11:11" ht="17.25" customHeight="1" x14ac:dyDescent="0.15">
      <c r="K457" s="1"/>
    </row>
    <row r="458" spans="11:11" ht="17.25" customHeight="1" x14ac:dyDescent="0.15">
      <c r="K458" s="1"/>
    </row>
    <row r="459" spans="11:11" ht="17.25" customHeight="1" x14ac:dyDescent="0.15">
      <c r="K459" s="1"/>
    </row>
    <row r="460" spans="11:11" ht="17.25" customHeight="1" x14ac:dyDescent="0.15">
      <c r="K460" s="1"/>
    </row>
    <row r="461" spans="11:11" ht="17.25" customHeight="1" x14ac:dyDescent="0.15">
      <c r="K461" s="1"/>
    </row>
    <row r="462" spans="11:11" ht="17.25" customHeight="1" x14ac:dyDescent="0.15">
      <c r="K462" s="1"/>
    </row>
    <row r="463" spans="11:11" ht="17.25" customHeight="1" x14ac:dyDescent="0.15">
      <c r="K463" s="1"/>
    </row>
    <row r="464" spans="11:11" ht="17.25" customHeight="1" x14ac:dyDescent="0.15">
      <c r="K464" s="1"/>
    </row>
    <row r="465" spans="11:11" ht="17.25" customHeight="1" x14ac:dyDescent="0.15">
      <c r="K465" s="1"/>
    </row>
    <row r="466" spans="11:11" ht="17.25" customHeight="1" x14ac:dyDescent="0.15">
      <c r="K466" s="1"/>
    </row>
    <row r="467" spans="11:11" ht="17.25" customHeight="1" x14ac:dyDescent="0.15">
      <c r="K467" s="1"/>
    </row>
    <row r="468" spans="11:11" ht="17.25" customHeight="1" x14ac:dyDescent="0.15">
      <c r="K468" s="1"/>
    </row>
    <row r="469" spans="11:11" ht="17.25" customHeight="1" x14ac:dyDescent="0.15">
      <c r="K469" s="1"/>
    </row>
    <row r="470" spans="11:11" ht="17.25" customHeight="1" x14ac:dyDescent="0.15">
      <c r="K470" s="1"/>
    </row>
    <row r="471" spans="11:11" ht="17.25" customHeight="1" x14ac:dyDescent="0.15">
      <c r="K471" s="1"/>
    </row>
    <row r="472" spans="11:11" ht="17.25" customHeight="1" x14ac:dyDescent="0.15">
      <c r="K472" s="1"/>
    </row>
    <row r="473" spans="11:11" ht="17.25" customHeight="1" x14ac:dyDescent="0.15">
      <c r="K473" s="1"/>
    </row>
    <row r="474" spans="11:11" ht="17.25" customHeight="1" x14ac:dyDescent="0.15">
      <c r="K474" s="1"/>
    </row>
    <row r="475" spans="11:11" ht="17.25" customHeight="1" x14ac:dyDescent="0.15">
      <c r="K475" s="1"/>
    </row>
    <row r="476" spans="11:11" ht="17.25" customHeight="1" x14ac:dyDescent="0.15">
      <c r="K476" s="1"/>
    </row>
    <row r="477" spans="11:11" ht="17.25" customHeight="1" x14ac:dyDescent="0.15">
      <c r="K477" s="1"/>
    </row>
    <row r="478" spans="11:11" ht="17.25" customHeight="1" x14ac:dyDescent="0.15">
      <c r="K478" s="1"/>
    </row>
    <row r="479" spans="11:11" ht="17.25" customHeight="1" x14ac:dyDescent="0.15">
      <c r="K479" s="1"/>
    </row>
    <row r="480" spans="11:11" ht="17.25" customHeight="1" x14ac:dyDescent="0.15">
      <c r="K480" s="1"/>
    </row>
    <row r="481" spans="11:11" ht="17.25" customHeight="1" x14ac:dyDescent="0.15">
      <c r="K481" s="1"/>
    </row>
    <row r="482" spans="11:11" ht="17.25" customHeight="1" x14ac:dyDescent="0.15">
      <c r="K482" s="1"/>
    </row>
    <row r="483" spans="11:11" ht="17.25" customHeight="1" x14ac:dyDescent="0.15">
      <c r="K483" s="1"/>
    </row>
    <row r="484" spans="11:11" ht="17.25" customHeight="1" x14ac:dyDescent="0.15">
      <c r="K484" s="1"/>
    </row>
    <row r="485" spans="11:11" ht="17.25" customHeight="1" x14ac:dyDescent="0.15">
      <c r="K485" s="1"/>
    </row>
    <row r="486" spans="11:11" ht="17.25" customHeight="1" x14ac:dyDescent="0.15">
      <c r="K486" s="1"/>
    </row>
    <row r="487" spans="11:11" ht="17.25" customHeight="1" x14ac:dyDescent="0.15">
      <c r="K487" s="1"/>
    </row>
    <row r="488" spans="11:11" ht="17.25" customHeight="1" x14ac:dyDescent="0.15">
      <c r="K488" s="1"/>
    </row>
    <row r="489" spans="11:11" ht="17.25" customHeight="1" x14ac:dyDescent="0.15">
      <c r="K489" s="1"/>
    </row>
    <row r="490" spans="11:11" ht="17.25" customHeight="1" x14ac:dyDescent="0.15">
      <c r="K490" s="1"/>
    </row>
    <row r="491" spans="11:11" ht="17.25" customHeight="1" x14ac:dyDescent="0.15">
      <c r="K491" s="1"/>
    </row>
    <row r="492" spans="11:11" ht="17.25" customHeight="1" x14ac:dyDescent="0.15">
      <c r="K492" s="1"/>
    </row>
    <row r="493" spans="11:11" ht="17.25" customHeight="1" x14ac:dyDescent="0.15">
      <c r="K493" s="1"/>
    </row>
    <row r="494" spans="11:11" ht="17.25" customHeight="1" x14ac:dyDescent="0.15">
      <c r="K494" s="1"/>
    </row>
    <row r="495" spans="11:11" ht="17.25" customHeight="1" x14ac:dyDescent="0.15">
      <c r="K495" s="1"/>
    </row>
    <row r="496" spans="11:11" ht="17.25" customHeight="1" x14ac:dyDescent="0.15">
      <c r="K496" s="1"/>
    </row>
    <row r="497" spans="11:11" ht="17.25" customHeight="1" x14ac:dyDescent="0.15">
      <c r="K497" s="1"/>
    </row>
    <row r="498" spans="11:11" ht="17.25" customHeight="1" x14ac:dyDescent="0.15">
      <c r="K498" s="1"/>
    </row>
    <row r="499" spans="11:11" ht="17.25" customHeight="1" x14ac:dyDescent="0.15">
      <c r="K499" s="1"/>
    </row>
    <row r="500" spans="11:11" ht="17.25" customHeight="1" x14ac:dyDescent="0.15">
      <c r="K500" s="1"/>
    </row>
    <row r="501" spans="11:11" ht="17.25" customHeight="1" x14ac:dyDescent="0.15">
      <c r="K501" s="1"/>
    </row>
    <row r="502" spans="11:11" ht="17.25" customHeight="1" x14ac:dyDescent="0.15">
      <c r="K502" s="1"/>
    </row>
    <row r="503" spans="11:11" ht="17.25" customHeight="1" x14ac:dyDescent="0.15">
      <c r="K503" s="1"/>
    </row>
    <row r="504" spans="11:11" ht="17.25" customHeight="1" x14ac:dyDescent="0.15">
      <c r="K504" s="1"/>
    </row>
    <row r="505" spans="11:11" ht="17.25" customHeight="1" x14ac:dyDescent="0.15">
      <c r="K505" s="1"/>
    </row>
    <row r="506" spans="11:11" ht="17.25" customHeight="1" x14ac:dyDescent="0.15">
      <c r="K506" s="1"/>
    </row>
    <row r="507" spans="11:11" ht="17.25" customHeight="1" x14ac:dyDescent="0.15">
      <c r="K507" s="1"/>
    </row>
    <row r="508" spans="11:11" ht="17.25" customHeight="1" x14ac:dyDescent="0.15">
      <c r="K508" s="1"/>
    </row>
    <row r="509" spans="11:11" ht="17.25" customHeight="1" x14ac:dyDescent="0.15">
      <c r="K509" s="1"/>
    </row>
    <row r="510" spans="11:11" ht="17.25" customHeight="1" x14ac:dyDescent="0.15">
      <c r="K510" s="1"/>
    </row>
    <row r="511" spans="11:11" ht="17.25" customHeight="1" x14ac:dyDescent="0.15">
      <c r="K511" s="1"/>
    </row>
    <row r="512" spans="11:11" ht="17.25" customHeight="1" x14ac:dyDescent="0.15">
      <c r="K512" s="1"/>
    </row>
    <row r="513" spans="11:11" ht="17.25" customHeight="1" x14ac:dyDescent="0.15">
      <c r="K513" s="1"/>
    </row>
    <row r="514" spans="11:11" ht="17.25" customHeight="1" x14ac:dyDescent="0.15">
      <c r="K514" s="1"/>
    </row>
    <row r="515" spans="11:11" ht="17.25" customHeight="1" x14ac:dyDescent="0.15">
      <c r="K515" s="1"/>
    </row>
    <row r="516" spans="11:11" ht="17.25" customHeight="1" x14ac:dyDescent="0.15">
      <c r="K516" s="1"/>
    </row>
    <row r="517" spans="11:11" ht="17.25" customHeight="1" x14ac:dyDescent="0.15">
      <c r="K517" s="1"/>
    </row>
    <row r="518" spans="11:11" ht="17.25" customHeight="1" x14ac:dyDescent="0.15">
      <c r="K518" s="1"/>
    </row>
    <row r="519" spans="11:11" ht="17.25" customHeight="1" x14ac:dyDescent="0.15">
      <c r="K519" s="1"/>
    </row>
    <row r="520" spans="11:11" ht="17.25" customHeight="1" x14ac:dyDescent="0.15">
      <c r="K520" s="1"/>
    </row>
    <row r="521" spans="11:11" ht="17.25" customHeight="1" x14ac:dyDescent="0.15">
      <c r="K521" s="1"/>
    </row>
    <row r="522" spans="11:11" ht="17.25" customHeight="1" x14ac:dyDescent="0.15">
      <c r="K522" s="1"/>
    </row>
    <row r="523" spans="11:11" ht="17.25" customHeight="1" x14ac:dyDescent="0.15">
      <c r="K523" s="1"/>
    </row>
    <row r="524" spans="11:11" ht="17.25" customHeight="1" x14ac:dyDescent="0.15">
      <c r="K524" s="1"/>
    </row>
    <row r="525" spans="11:11" ht="17.25" customHeight="1" x14ac:dyDescent="0.15">
      <c r="K525" s="1"/>
    </row>
    <row r="526" spans="11:11" ht="17.25" customHeight="1" x14ac:dyDescent="0.15">
      <c r="K526" s="1"/>
    </row>
    <row r="527" spans="11:11" ht="17.25" customHeight="1" x14ac:dyDescent="0.15">
      <c r="K527" s="1"/>
    </row>
    <row r="528" spans="11:11" ht="17.25" customHeight="1" x14ac:dyDescent="0.15">
      <c r="K528" s="1"/>
    </row>
    <row r="529" spans="11:11" ht="17.25" customHeight="1" x14ac:dyDescent="0.15">
      <c r="K529" s="1"/>
    </row>
    <row r="530" spans="11:11" ht="17.25" customHeight="1" x14ac:dyDescent="0.15">
      <c r="K530" s="1"/>
    </row>
    <row r="531" spans="11:11" ht="17.25" customHeight="1" x14ac:dyDescent="0.15">
      <c r="K531" s="1"/>
    </row>
    <row r="532" spans="11:11" ht="17.25" customHeight="1" x14ac:dyDescent="0.15">
      <c r="K532" s="1"/>
    </row>
    <row r="533" spans="11:11" ht="17.25" customHeight="1" x14ac:dyDescent="0.15">
      <c r="K533" s="1"/>
    </row>
    <row r="534" spans="11:11" ht="17.25" customHeight="1" x14ac:dyDescent="0.15">
      <c r="K534" s="1"/>
    </row>
    <row r="535" spans="11:11" ht="17.25" customHeight="1" x14ac:dyDescent="0.15">
      <c r="K535" s="1"/>
    </row>
    <row r="536" spans="11:11" ht="17.25" customHeight="1" x14ac:dyDescent="0.15">
      <c r="K536" s="1"/>
    </row>
    <row r="537" spans="11:11" ht="17.25" customHeight="1" x14ac:dyDescent="0.15">
      <c r="K537" s="1"/>
    </row>
    <row r="538" spans="11:11" ht="17.25" customHeight="1" x14ac:dyDescent="0.15">
      <c r="K538" s="1"/>
    </row>
    <row r="539" spans="11:11" ht="17.25" customHeight="1" x14ac:dyDescent="0.15">
      <c r="K539" s="1"/>
    </row>
    <row r="540" spans="11:11" ht="17.25" customHeight="1" x14ac:dyDescent="0.15">
      <c r="K540" s="1"/>
    </row>
    <row r="541" spans="11:11" ht="17.25" customHeight="1" x14ac:dyDescent="0.15">
      <c r="K541" s="1"/>
    </row>
    <row r="542" spans="11:11" ht="17.25" customHeight="1" x14ac:dyDescent="0.15">
      <c r="K542" s="1"/>
    </row>
    <row r="543" spans="11:11" ht="17.25" customHeight="1" x14ac:dyDescent="0.15">
      <c r="K543" s="1"/>
    </row>
    <row r="544" spans="11:11" ht="17.25" customHeight="1" x14ac:dyDescent="0.15">
      <c r="K544" s="1"/>
    </row>
    <row r="545" spans="11:11" ht="17.25" customHeight="1" x14ac:dyDescent="0.15">
      <c r="K545" s="1"/>
    </row>
    <row r="546" spans="11:11" ht="17.25" customHeight="1" x14ac:dyDescent="0.15">
      <c r="K546" s="1"/>
    </row>
    <row r="547" spans="11:11" ht="17.25" customHeight="1" x14ac:dyDescent="0.15">
      <c r="K547" s="1"/>
    </row>
    <row r="548" spans="11:11" ht="17.25" customHeight="1" x14ac:dyDescent="0.15">
      <c r="K548" s="1"/>
    </row>
    <row r="549" spans="11:11" ht="17.25" customHeight="1" x14ac:dyDescent="0.15">
      <c r="K549" s="1"/>
    </row>
    <row r="550" spans="11:11" ht="17.25" customHeight="1" x14ac:dyDescent="0.15">
      <c r="K550" s="1"/>
    </row>
    <row r="551" spans="11:11" ht="17.25" customHeight="1" x14ac:dyDescent="0.15">
      <c r="K551" s="1"/>
    </row>
    <row r="552" spans="11:11" ht="17.25" customHeight="1" x14ac:dyDescent="0.15">
      <c r="K552" s="1"/>
    </row>
    <row r="553" spans="11:11" ht="17.25" customHeight="1" x14ac:dyDescent="0.15">
      <c r="K553" s="1"/>
    </row>
    <row r="554" spans="11:11" ht="17.25" customHeight="1" x14ac:dyDescent="0.15">
      <c r="K554" s="1"/>
    </row>
    <row r="555" spans="11:11" ht="17.25" customHeight="1" x14ac:dyDescent="0.15">
      <c r="K555" s="1"/>
    </row>
    <row r="556" spans="11:11" ht="17.25" customHeight="1" x14ac:dyDescent="0.15">
      <c r="K556" s="1"/>
    </row>
    <row r="557" spans="11:11" ht="17.25" customHeight="1" x14ac:dyDescent="0.15">
      <c r="K557" s="1"/>
    </row>
    <row r="558" spans="11:11" ht="17.25" customHeight="1" x14ac:dyDescent="0.15">
      <c r="K558" s="1"/>
    </row>
    <row r="559" spans="11:11" ht="17.25" customHeight="1" x14ac:dyDescent="0.15">
      <c r="K559" s="1"/>
    </row>
    <row r="560" spans="11:11" ht="17.25" customHeight="1" x14ac:dyDescent="0.15">
      <c r="K560" s="1"/>
    </row>
    <row r="561" spans="11:11" ht="17.25" customHeight="1" x14ac:dyDescent="0.15">
      <c r="K561" s="1"/>
    </row>
    <row r="562" spans="11:11" ht="17.25" customHeight="1" x14ac:dyDescent="0.15">
      <c r="K562" s="1"/>
    </row>
    <row r="563" spans="11:11" ht="17.25" customHeight="1" x14ac:dyDescent="0.15">
      <c r="K563" s="1"/>
    </row>
    <row r="564" spans="11:11" ht="17.25" customHeight="1" x14ac:dyDescent="0.15">
      <c r="K564" s="1"/>
    </row>
    <row r="565" spans="11:11" ht="17.25" customHeight="1" x14ac:dyDescent="0.15">
      <c r="K565" s="1"/>
    </row>
    <row r="566" spans="11:11" ht="17.25" customHeight="1" x14ac:dyDescent="0.15">
      <c r="K566" s="1"/>
    </row>
    <row r="567" spans="11:11" ht="17.25" customHeight="1" x14ac:dyDescent="0.15">
      <c r="K567" s="1"/>
    </row>
    <row r="568" spans="11:11" ht="17.25" customHeight="1" x14ac:dyDescent="0.15">
      <c r="K568" s="1"/>
    </row>
    <row r="569" spans="11:11" ht="17.25" customHeight="1" x14ac:dyDescent="0.15">
      <c r="K569" s="1"/>
    </row>
    <row r="570" spans="11:11" ht="17.25" customHeight="1" x14ac:dyDescent="0.15">
      <c r="K570" s="1"/>
    </row>
    <row r="571" spans="11:11" ht="17.25" customHeight="1" x14ac:dyDescent="0.15">
      <c r="K571" s="1"/>
    </row>
    <row r="572" spans="11:11" ht="17.25" customHeight="1" x14ac:dyDescent="0.15">
      <c r="K572" s="1"/>
    </row>
    <row r="573" spans="11:11" ht="17.25" customHeight="1" x14ac:dyDescent="0.15">
      <c r="K573" s="1"/>
    </row>
    <row r="574" spans="11:11" ht="17.25" customHeight="1" x14ac:dyDescent="0.15">
      <c r="K574" s="1"/>
    </row>
    <row r="575" spans="11:11" ht="17.25" customHeight="1" x14ac:dyDescent="0.15">
      <c r="K575" s="1"/>
    </row>
    <row r="576" spans="11:11" ht="17.25" customHeight="1" x14ac:dyDescent="0.15">
      <c r="K576" s="1"/>
    </row>
    <row r="577" spans="11:11" ht="17.25" customHeight="1" x14ac:dyDescent="0.15">
      <c r="K577" s="1"/>
    </row>
    <row r="578" spans="11:11" ht="17.25" customHeight="1" x14ac:dyDescent="0.15">
      <c r="K578" s="1"/>
    </row>
    <row r="579" spans="11:11" ht="17.25" customHeight="1" x14ac:dyDescent="0.15">
      <c r="K579" s="1"/>
    </row>
    <row r="580" spans="11:11" ht="17.25" customHeight="1" x14ac:dyDescent="0.15">
      <c r="K580" s="1"/>
    </row>
    <row r="581" spans="11:11" ht="17.25" customHeight="1" x14ac:dyDescent="0.15">
      <c r="K581" s="1"/>
    </row>
    <row r="582" spans="11:11" ht="17.25" customHeight="1" x14ac:dyDescent="0.15">
      <c r="K582" s="1"/>
    </row>
    <row r="583" spans="11:11" ht="17.25" customHeight="1" x14ac:dyDescent="0.15">
      <c r="K583" s="1"/>
    </row>
    <row r="584" spans="11:11" ht="17.25" customHeight="1" x14ac:dyDescent="0.15">
      <c r="K584" s="1"/>
    </row>
    <row r="585" spans="11:11" ht="17.25" customHeight="1" x14ac:dyDescent="0.15">
      <c r="K585" s="1"/>
    </row>
    <row r="586" spans="11:11" ht="17.25" customHeight="1" x14ac:dyDescent="0.15">
      <c r="K586" s="1"/>
    </row>
    <row r="587" spans="11:11" ht="17.25" customHeight="1" x14ac:dyDescent="0.15">
      <c r="K587" s="1"/>
    </row>
    <row r="588" spans="11:11" ht="17.25" customHeight="1" x14ac:dyDescent="0.15">
      <c r="K588" s="1"/>
    </row>
    <row r="589" spans="11:11" ht="17.25" customHeight="1" x14ac:dyDescent="0.15">
      <c r="K589" s="1"/>
    </row>
    <row r="590" spans="11:11" ht="17.25" customHeight="1" x14ac:dyDescent="0.15">
      <c r="K590" s="1"/>
    </row>
    <row r="591" spans="11:11" ht="17.25" customHeight="1" x14ac:dyDescent="0.15">
      <c r="K591" s="1"/>
    </row>
    <row r="592" spans="11:11" ht="17.25" customHeight="1" x14ac:dyDescent="0.15">
      <c r="K592" s="1"/>
    </row>
    <row r="593" spans="11:11" ht="17.25" customHeight="1" x14ac:dyDescent="0.15">
      <c r="K593" s="1"/>
    </row>
    <row r="594" spans="11:11" ht="17.25" customHeight="1" x14ac:dyDescent="0.15">
      <c r="K594" s="1"/>
    </row>
    <row r="595" spans="11:11" ht="17.25" customHeight="1" x14ac:dyDescent="0.15">
      <c r="K595" s="1"/>
    </row>
    <row r="596" spans="11:11" ht="17.25" customHeight="1" x14ac:dyDescent="0.15">
      <c r="K596" s="1"/>
    </row>
    <row r="597" spans="11:11" ht="17.25" customHeight="1" x14ac:dyDescent="0.15">
      <c r="K597" s="1"/>
    </row>
    <row r="598" spans="11:11" ht="17.25" customHeight="1" x14ac:dyDescent="0.15">
      <c r="K598" s="1"/>
    </row>
    <row r="599" spans="11:11" ht="17.25" customHeight="1" x14ac:dyDescent="0.15">
      <c r="K599" s="1"/>
    </row>
    <row r="600" spans="11:11" ht="17.25" customHeight="1" x14ac:dyDescent="0.15">
      <c r="K600" s="1"/>
    </row>
    <row r="601" spans="11:11" ht="17.25" customHeight="1" x14ac:dyDescent="0.15">
      <c r="K601" s="1"/>
    </row>
    <row r="602" spans="11:11" ht="17.25" customHeight="1" x14ac:dyDescent="0.15">
      <c r="K602" s="1"/>
    </row>
    <row r="603" spans="11:11" ht="17.25" customHeight="1" x14ac:dyDescent="0.15">
      <c r="K603" s="1"/>
    </row>
    <row r="604" spans="11:11" ht="17.25" customHeight="1" x14ac:dyDescent="0.15">
      <c r="K604" s="1"/>
    </row>
    <row r="605" spans="11:11" ht="17.25" customHeight="1" x14ac:dyDescent="0.15">
      <c r="K605" s="1"/>
    </row>
    <row r="606" spans="11:11" ht="17.25" customHeight="1" x14ac:dyDescent="0.15">
      <c r="K606" s="1"/>
    </row>
    <row r="607" spans="11:11" ht="17.25" customHeight="1" x14ac:dyDescent="0.15">
      <c r="K607" s="1"/>
    </row>
    <row r="608" spans="11:11" ht="17.25" customHeight="1" x14ac:dyDescent="0.15">
      <c r="K608" s="1"/>
    </row>
    <row r="609" spans="11:11" ht="17.25" customHeight="1" x14ac:dyDescent="0.15">
      <c r="K609" s="1"/>
    </row>
    <row r="610" spans="11:11" ht="17.25" customHeight="1" x14ac:dyDescent="0.15">
      <c r="K610" s="1"/>
    </row>
    <row r="611" spans="11:11" ht="17.25" customHeight="1" x14ac:dyDescent="0.15">
      <c r="K611" s="1"/>
    </row>
    <row r="612" spans="11:11" ht="17.25" customHeight="1" x14ac:dyDescent="0.15">
      <c r="K612" s="1"/>
    </row>
    <row r="613" spans="11:11" ht="17.25" customHeight="1" x14ac:dyDescent="0.15">
      <c r="K613" s="1"/>
    </row>
    <row r="614" spans="11:11" ht="17.25" customHeight="1" x14ac:dyDescent="0.15">
      <c r="K614" s="1"/>
    </row>
    <row r="615" spans="11:11" ht="17.25" customHeight="1" x14ac:dyDescent="0.15">
      <c r="K615" s="1"/>
    </row>
    <row r="616" spans="11:11" ht="17.25" customHeight="1" x14ac:dyDescent="0.15">
      <c r="K616" s="1"/>
    </row>
    <row r="617" spans="11:11" ht="17.25" customHeight="1" x14ac:dyDescent="0.15">
      <c r="K617" s="1"/>
    </row>
    <row r="618" spans="11:11" ht="17.25" customHeight="1" x14ac:dyDescent="0.15">
      <c r="K618" s="1"/>
    </row>
    <row r="619" spans="11:11" ht="17.25" customHeight="1" x14ac:dyDescent="0.15">
      <c r="K619" s="1"/>
    </row>
    <row r="620" spans="11:11" ht="17.25" customHeight="1" x14ac:dyDescent="0.15">
      <c r="K620" s="1"/>
    </row>
    <row r="621" spans="11:11" ht="17.25" customHeight="1" x14ac:dyDescent="0.15">
      <c r="K621" s="1"/>
    </row>
  </sheetData>
  <dataConsolidate/>
  <mergeCells count="70">
    <mergeCell ref="B76:K76"/>
    <mergeCell ref="A37:H37"/>
    <mergeCell ref="A38:I38"/>
    <mergeCell ref="A39:H39"/>
    <mergeCell ref="B62:J62"/>
    <mergeCell ref="B63:J63"/>
    <mergeCell ref="A68:J68"/>
    <mergeCell ref="B70:I70"/>
    <mergeCell ref="A40:K40"/>
    <mergeCell ref="A45:H45"/>
    <mergeCell ref="G11:K11"/>
    <mergeCell ref="G12:K12"/>
    <mergeCell ref="G13:K13"/>
    <mergeCell ref="B30:J30"/>
    <mergeCell ref="A29:K29"/>
    <mergeCell ref="A28:H28"/>
    <mergeCell ref="G8:K8"/>
    <mergeCell ref="B33:K33"/>
    <mergeCell ref="B108:I108"/>
    <mergeCell ref="B111:I111"/>
    <mergeCell ref="A113:K113"/>
    <mergeCell ref="B85:K85"/>
    <mergeCell ref="E87:F87"/>
    <mergeCell ref="E88:F88"/>
    <mergeCell ref="I88:K89"/>
    <mergeCell ref="E89:F89"/>
    <mergeCell ref="B90:J90"/>
    <mergeCell ref="B91:K91"/>
    <mergeCell ref="B64:K64"/>
    <mergeCell ref="H20:J20"/>
    <mergeCell ref="A23:L23"/>
    <mergeCell ref="B32:J32"/>
    <mergeCell ref="A118:K118"/>
    <mergeCell ref="B78:I78"/>
    <mergeCell ref="A43:J43"/>
    <mergeCell ref="A42:K42"/>
    <mergeCell ref="A57:J57"/>
    <mergeCell ref="A66:J66"/>
    <mergeCell ref="A60:G60"/>
    <mergeCell ref="B61:K61"/>
    <mergeCell ref="B71:I71"/>
    <mergeCell ref="A48:J48"/>
    <mergeCell ref="A49:J49"/>
    <mergeCell ref="B69:K69"/>
    <mergeCell ref="A75:J75"/>
    <mergeCell ref="B81:I81"/>
    <mergeCell ref="A83:J83"/>
    <mergeCell ref="B79:J79"/>
    <mergeCell ref="A1:K1"/>
    <mergeCell ref="A2:K2"/>
    <mergeCell ref="A4:K4"/>
    <mergeCell ref="A5:K5"/>
    <mergeCell ref="G7:K7"/>
    <mergeCell ref="G6:K6"/>
    <mergeCell ref="A82:K82"/>
    <mergeCell ref="G10:K10"/>
    <mergeCell ref="G9:K9"/>
    <mergeCell ref="A15:L15"/>
    <mergeCell ref="A27:H27"/>
    <mergeCell ref="B31:J31"/>
    <mergeCell ref="A19:C19"/>
    <mergeCell ref="B20:E20"/>
    <mergeCell ref="F20:G20"/>
    <mergeCell ref="B77:I77"/>
    <mergeCell ref="B72:I72"/>
    <mergeCell ref="B73:I73"/>
    <mergeCell ref="B80:I80"/>
    <mergeCell ref="A35:J35"/>
    <mergeCell ref="A17:K17"/>
    <mergeCell ref="A25:J25"/>
  </mergeCells>
  <phoneticPr fontId="2"/>
  <dataValidations count="4">
    <dataValidation type="list" allowBlank="1" showInputMessage="1" showErrorMessage="1" sqref="K120:K1048576 K83 K98:K99 K21:K24 K19 K3 K14 K16 K106 K116:K117 K112 K94 K96">
      <formula1>$I$25:$J$25</formula1>
    </dataValidation>
    <dataValidation type="list" allowBlank="1" showInputMessage="1" showErrorMessage="1" sqref="H121">
      <formula1>#REF!</formula1>
    </dataValidation>
    <dataValidation type="list" allowBlank="1" showInputMessage="1" showErrorMessage="1" sqref="K27:K28 K30:K32 K37:K39 K45:K48 K51:K53 K59:K60 K62:K63 K68 K70:K72 K75 K77:K80 G87:G89 J87 K90 K93 K95 K97 K100:K104">
      <formula1>"○,×"</formula1>
    </dataValidation>
    <dataValidation type="list" allowBlank="1" showInputMessage="1" showErrorMessage="1" sqref="K108 K111 K114">
      <formula1>"1,2,3,4"</formula1>
    </dataValidation>
  </dataValidations>
  <pageMargins left="0.63" right="0.43" top="0.74803149606299213" bottom="0.43" header="0.31496062992125984" footer="0.31496062992125984"/>
  <pageSetup paperSize="9" scale="89" orientation="portrait" r:id="rId1"/>
  <rowBreaks count="2" manualBreakCount="2">
    <brk id="42" max="10" man="1"/>
    <brk id="8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報告書</vt:lpstr>
      <vt:lpstr>実績報告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cp:lastPrinted>2021-11-24T08:43:03Z</cp:lastPrinted>
  <dcterms:created xsi:type="dcterms:W3CDTF">2016-02-04T01:10:49Z</dcterms:created>
  <dcterms:modified xsi:type="dcterms:W3CDTF">2023-11-15T03:14:20Z</dcterms:modified>
</cp:coreProperties>
</file>